
<file path=[Content_Types].xml><?xml version="1.0" encoding="utf-8"?>
<Types xmlns="http://schemas.openxmlformats.org/package/2006/content-types"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autoCompressPictures="0" defaultThemeVersion="124226"/>
  <bookViews>
    <workbookView xWindow="120" yWindow="105" windowWidth="18915" windowHeight="8505"/>
  </bookViews>
  <sheets>
    <sheet name="Einzel-Erkrankungen" sheetId="8" r:id="rId1"/>
    <sheet name="Klassifikation" sheetId="9" r:id="rId2"/>
  </sheets>
  <calcPr calcId="125725" concurrentCalc="0"/>
  <extLst>
    <ext xmlns:mx="http://schemas.microsoft.com/office/mac/excel/2008/main" uri="{7523E5D3-25F3-A5E0-1632-64F254C22452}">
      <mx:ArchID Flags="2"/>
    </ext>
  </extLst>
</workbook>
</file>

<file path=xl/connections.xml><?xml version="1.0" encoding="utf-8"?>
<connections xmlns="http://schemas.openxmlformats.org/spreadsheetml/2006/main">
  <connection id="1" name="rare_surgical_cardiac_diseases_en_product3_148" type="4" refreshedVersion="0" background="1">
    <webPr xml="1" sourceData="1" url="C:\Users\till.voigtlaender\Desktop\back-up 251012\t_voigtlaender\ccrd-gög\Nationaler Aktionsplan\disease_groups\classifications_rare_diseases_orphanet\s2\rare_surgical_cardiac_diseases_en_product3_148.xml" htmlTables="1" htmlFormat="all"/>
  </connection>
</connections>
</file>

<file path=xl/sharedStrings.xml><?xml version="1.0" encoding="utf-8"?>
<sst xmlns="http://schemas.openxmlformats.org/spreadsheetml/2006/main" count="270" uniqueCount="226">
  <si>
    <t>Rare surgical cardiac disease</t>
  </si>
  <si>
    <t>Fachgesellschaft (FG) für:</t>
  </si>
  <si>
    <t>Name:</t>
  </si>
  <si>
    <t xml:space="preserve">Institution: </t>
  </si>
  <si>
    <t>Nr.</t>
  </si>
  <si>
    <t>ORPHA Code</t>
  </si>
  <si>
    <r>
      <t xml:space="preserve">SE betrifft das oben genannte Fach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t>Weitere Anmerkungen</t>
  </si>
  <si>
    <t>• Holt-Oram syndrome</t>
  </si>
  <si>
    <t>• Atrial septal defect - atrioventricular conduction defects</t>
  </si>
  <si>
    <t>• Congenital heart malformation</t>
  </si>
  <si>
    <t>• Ventricular septal defect</t>
  </si>
  <si>
    <t>• Interventricular septum aneurysm</t>
  </si>
  <si>
    <t>• Laubry-Pezzi syndrome</t>
  </si>
  <si>
    <t>• Gerbode defect</t>
  </si>
  <si>
    <t>• Multiple ventricular septal defects</t>
  </si>
  <si>
    <t>• Single ventricular septal defect</t>
  </si>
  <si>
    <t>• Congenital pericardium anomaly</t>
  </si>
  <si>
    <t>• Congenital complete agenesis of pericardium</t>
  </si>
  <si>
    <t>• Congenital partial agenesis of pericardium</t>
  </si>
  <si>
    <t>• Pleuro-pericardial cyst</t>
  </si>
  <si>
    <t>• Coronary artery congenital malformation</t>
  </si>
  <si>
    <t>• Coronary arterial fistulas</t>
  </si>
  <si>
    <t>• Congenital coronary artery aneurysm</t>
  </si>
  <si>
    <t>• Abnormal origin or aberrant course of coronary artery</t>
  </si>
  <si>
    <t>• Coronary artery intramyocardial course</t>
  </si>
  <si>
    <t>• Aorto-pulmonary coronary arterial course</t>
  </si>
  <si>
    <t>• Stenosis or atrophy of the coronary ostium</t>
  </si>
  <si>
    <t>• Intramural coronary arterial course</t>
  </si>
  <si>
    <t>• Abnormal number of coronary ostia</t>
  </si>
  <si>
    <t>• Malposition of the coronary ostium</t>
  </si>
  <si>
    <t>• Cardiac diverticulum</t>
  </si>
  <si>
    <t>• Univentricular cardiopathy</t>
  </si>
  <si>
    <t>• Hypoplastic left heart syndrome</t>
  </si>
  <si>
    <t>• Univentricular heart</t>
  </si>
  <si>
    <t>• Univentricular heart with single atrio-ventricular valve</t>
  </si>
  <si>
    <t>• Hypoplastic right heart syndrome</t>
  </si>
  <si>
    <t>• Pulmonary atresia - intact ventricular septum</t>
  </si>
  <si>
    <t>• Right ventricular hypoplasia</t>
  </si>
  <si>
    <t>• Heart position anomaly</t>
  </si>
  <si>
    <t>• Heterotaxia</t>
  </si>
  <si>
    <t>• Dextrocardia</t>
  </si>
  <si>
    <t>• Levocardia</t>
  </si>
  <si>
    <t>• Ivemark syndrome</t>
  </si>
  <si>
    <t>• Situs inversus totalis</t>
  </si>
  <si>
    <t>• Situs ambiguus</t>
  </si>
  <si>
    <t>• Mesocardia</t>
  </si>
  <si>
    <t>• Transposition of the great arteries and conotruncal cardiac anomaly</t>
  </si>
  <si>
    <t>• Conotruncal heart malformations</t>
  </si>
  <si>
    <t>• Tetralogy of Fallot</t>
  </si>
  <si>
    <t>• Truncus arteriosus</t>
  </si>
  <si>
    <t>• Abnormal origin of the pulmonary artery</t>
  </si>
  <si>
    <t>• Pulmonary artery coming from patent ductus arteriosus</t>
  </si>
  <si>
    <t>• Pulmonary artery coming from the aorta</t>
  </si>
  <si>
    <t>• Pulmonary atresia with ventricular septal defect</t>
  </si>
  <si>
    <t>• Aorta-pulmonary artery fistula</t>
  </si>
  <si>
    <t>• Vascular malposition</t>
  </si>
  <si>
    <t>• Double outlet right ventricle</t>
  </si>
  <si>
    <t>• Double outlet right ventricle, Fallot type</t>
  </si>
  <si>
    <t>• Double outlet right ventricle with subaortic ventricular septal defect</t>
  </si>
  <si>
    <t>• Double outlet right ventricle with subpulmonary ventricular septal defect</t>
  </si>
  <si>
    <t>• Double outlet right ventricle with non-committed subpulmonary ventricular septal defect</t>
  </si>
  <si>
    <t>• Double outlet right ventricle with doubly committed ventricular septal defect</t>
  </si>
  <si>
    <t>• Taussig-Bing syndrome</t>
  </si>
  <si>
    <t>• Double outlet left ventricle</t>
  </si>
  <si>
    <t>• Aortic malformation</t>
  </si>
  <si>
    <t>• Supravalvular aortic stenosis</t>
  </si>
  <si>
    <t>• Autosomal dominant coarctation of aorta</t>
  </si>
  <si>
    <t>• Aorta coarctation</t>
  </si>
  <si>
    <t>• Atypical coarctation of aorta</t>
  </si>
  <si>
    <t>• Aortic arch interruption</t>
  </si>
  <si>
    <t>• Fixed subaortic stenosis</t>
  </si>
  <si>
    <t>• Discrete fixed membranous subaortic stenosis</t>
  </si>
  <si>
    <t>• Discrete fibromuscular subaortic stenosis</t>
  </si>
  <si>
    <t>• Tunnel subaortic stenosis</t>
  </si>
  <si>
    <t>• Congenital aortic valve stenosis</t>
  </si>
  <si>
    <t>• Aortic valve atresia</t>
  </si>
  <si>
    <t>• Aortic valve dysplasia</t>
  </si>
  <si>
    <t>• Congenital aortic valve insufficiency</t>
  </si>
  <si>
    <t>• Pulmonary artery malformation</t>
  </si>
  <si>
    <t>• Pulmonary valve agenesis</t>
  </si>
  <si>
    <t>• Pulmonary valve agenesis - ventricular septal defect - persistent ductus arteriosus</t>
  </si>
  <si>
    <t>• Pulmonary valve agenesis - Fallot's tetralogy - absence of ductus arteriosus</t>
  </si>
  <si>
    <t>• Absence of the pulmonary artery</t>
  </si>
  <si>
    <t>• Congenital pulmonary valve stenosis</t>
  </si>
  <si>
    <t>• Subpulmonary stenosis</t>
  </si>
  <si>
    <t>• Supravalvular pulmonary stenosis</t>
  </si>
  <si>
    <t>• Valvular pulmonary stenosis</t>
  </si>
  <si>
    <t>• Pulmonary artery hypoplasia</t>
  </si>
  <si>
    <t>• Transposition of the great arteries</t>
  </si>
  <si>
    <t>• Congenitally uncorrected transposition of the great arteries</t>
  </si>
  <si>
    <t>• Isolated congenitally uncorrected transposition of the great arteries</t>
  </si>
  <si>
    <t>• Congenitally uncorrected transposition of the great arteries with cardiac malformation</t>
  </si>
  <si>
    <t>• Congenitally uncorrected transposition of the great arteries with coarctation</t>
  </si>
  <si>
    <t>• Congenitally corrected transposition of the great arteries</t>
  </si>
  <si>
    <t>• Atrioventricular valve anomaly</t>
  </si>
  <si>
    <t>• Congenital mitral malformation</t>
  </si>
  <si>
    <t>• Congenital mitral valve insufficiency and/or stenosis</t>
  </si>
  <si>
    <t>• Familial mitral valve prolapse</t>
  </si>
  <si>
    <t>• Mitral atresia</t>
  </si>
  <si>
    <t>• Congenital mitral stenosis</t>
  </si>
  <si>
    <t>• Hypoplasia of the mitral valve annulus</t>
  </si>
  <si>
    <t>• Congenital supravalvular mitral ring</t>
  </si>
  <si>
    <t>• Congenital unguarded mitral orifice</t>
  </si>
  <si>
    <t>• Accessory mitral valve tissue</t>
  </si>
  <si>
    <t>• Mitral valve agenesis</t>
  </si>
  <si>
    <t>• Shone complex</t>
  </si>
  <si>
    <t>• Anomaly of the mitral subvalvular apparatus</t>
  </si>
  <si>
    <t>• Cleft mitral valve</t>
  </si>
  <si>
    <t>• Double-orifice mitral valve</t>
  </si>
  <si>
    <t>• Straddling and/or overriding mitral valve</t>
  </si>
  <si>
    <t>• Congenital tricuspid malformation</t>
  </si>
  <si>
    <t>• Ebstein malformation</t>
  </si>
  <si>
    <t>• Tricuspid atresia</t>
  </si>
  <si>
    <t>• Congenital valvular dysplasia</t>
  </si>
  <si>
    <t>• Tricuspid valve agenesis</t>
  </si>
  <si>
    <t>• Tricuspid valve prolapse</t>
  </si>
  <si>
    <t>• Congenital tricuspid stenosis</t>
  </si>
  <si>
    <t>• Straddling or overriding tricuspid valve</t>
  </si>
  <si>
    <t>• Accessory tricuspid valve tissue</t>
  </si>
  <si>
    <t>• Anomaly of the tricuspid subvalvular apparatus</t>
  </si>
  <si>
    <t>• Anomaly of the tricuspid valve chordae</t>
  </si>
  <si>
    <t>• Parachute tricuspid valve</t>
  </si>
  <si>
    <t>• Atrioventricular canal defect</t>
  </si>
  <si>
    <t>• Complete atrioventricular canal</t>
  </si>
  <si>
    <t>• Complete atrioventricular canal - left heart obstruction</t>
  </si>
  <si>
    <t>• Complete atrioventricular canal - ventricle hypoplasia</t>
  </si>
  <si>
    <t>• Complete atrioventricular canal - Fallot tetralogy</t>
  </si>
  <si>
    <t>• Partial atrioventricular canal</t>
  </si>
  <si>
    <t>• Congenital great vessels anomaly</t>
  </si>
  <si>
    <t>• Aortic arch defects</t>
  </si>
  <si>
    <t>• Encircling double aortic arch</t>
  </si>
  <si>
    <t>• Persistent fifth aortic arch</t>
  </si>
  <si>
    <t>• Kommerell diverticulum</t>
  </si>
  <si>
    <t>• Neuhauser's anomaly</t>
  </si>
  <si>
    <t>• Cervical aorta arch</t>
  </si>
  <si>
    <t>• Right aortic arch</t>
  </si>
  <si>
    <t>• Dysphagia lusoria</t>
  </si>
  <si>
    <t>• Scimitar syndrome</t>
  </si>
  <si>
    <t>• Arterial duct anomaly</t>
  </si>
  <si>
    <t>• Patent arterial duct</t>
  </si>
  <si>
    <t>• Atypical arterial duct</t>
  </si>
  <si>
    <t>• Premature closure of the arterial duct</t>
  </si>
  <si>
    <t>• Congenital patent ductus arteriosus aneurysm</t>
  </si>
  <si>
    <t>• Ascending aorta anomaly</t>
  </si>
  <si>
    <t>• Aneurysm of sinus of Valsalva</t>
  </si>
  <si>
    <t>• Aorto-ventricular tunnel</t>
  </si>
  <si>
    <t>• Aorto-right ventricular tunnel</t>
  </si>
  <si>
    <t>• Aorto-left ventricular tunnel</t>
  </si>
  <si>
    <t>• Aneurysm or dilatation of ascending aorta</t>
  </si>
  <si>
    <t>• Pulmonary artery/pulmonary branch anomaly</t>
  </si>
  <si>
    <t>• Idiopathic pulmonary artery dilatation</t>
  </si>
  <si>
    <t>• Pulmonary branch stenosis</t>
  </si>
  <si>
    <t>• Atrial defect and interauricular communication</t>
  </si>
  <si>
    <t>• Interauricular communication</t>
  </si>
  <si>
    <t>• Atrial septal defect, ostium secundum type</t>
  </si>
  <si>
    <t>• Atrial septal defect, coronary sinus type</t>
  </si>
  <si>
    <t>• Atrial septal defect, sinus venosus type</t>
  </si>
  <si>
    <t>• Atrial septal defect, ostium primum type</t>
  </si>
  <si>
    <t>• Triatrial heart</t>
  </si>
  <si>
    <t>• Cor triatriatum dexter</t>
  </si>
  <si>
    <t>• Cor triatriatum sinister</t>
  </si>
  <si>
    <t>• Familial idiopathic dilatation of the right atrium</t>
  </si>
  <si>
    <t>• Atrial appendage anomaly</t>
  </si>
  <si>
    <t>• Juxtaposition of the atrial appendages</t>
  </si>
  <si>
    <t>• Ectasia of the right atrial appendage</t>
  </si>
  <si>
    <t>• Ectasia of the left appendage</t>
  </si>
  <si>
    <t>• Atrial septal aneurysm</t>
  </si>
  <si>
    <t>• Patent foramen ovale</t>
  </si>
  <si>
    <t>• Venous return anomaly</t>
  </si>
  <si>
    <t>• Congenital pulmonary venous return anomaly</t>
  </si>
  <si>
    <t>• Congenital pulmonary veins stenosis</t>
  </si>
  <si>
    <t>• Congenital partial pulmonary venous return anomaly</t>
  </si>
  <si>
    <t>• Congenital total pulmonary venous return anomaly</t>
  </si>
  <si>
    <t>• Congenital abnormal systemic venous return</t>
  </si>
  <si>
    <t>• Congenital anomaly of superior vena cava</t>
  </si>
  <si>
    <t>• Persistent left superior vena cava connecting to the left-sided atrium</t>
  </si>
  <si>
    <t>• Right superior vena cava connecting to left-sided atrium</t>
  </si>
  <si>
    <t>• Left superior vena cava persisting to left-sided atrium</t>
  </si>
  <si>
    <t>• Absence of  innominate vein</t>
  </si>
  <si>
    <t>• Subaortic course of innominate vein</t>
  </si>
  <si>
    <t>• Agenesis of the superior vena cava</t>
  </si>
  <si>
    <t>• Congenital anomaly of the inferior vena cava</t>
  </si>
  <si>
    <t>• Right inferior vena cava connecting to left-sided atrium</t>
  </si>
  <si>
    <t>• Persistent eustachian valve</t>
  </si>
  <si>
    <t>• Azygos continuation of the inferior vena cava</t>
  </si>
  <si>
    <t>• Congenital stenosis of the inferior vena cava</t>
  </si>
  <si>
    <t>• Inferior vena cava interruption</t>
  </si>
  <si>
    <t>• Congenital anomaly of the coronary sinus</t>
  </si>
  <si>
    <t>• Coronary sinus atresia</t>
  </si>
  <si>
    <t>• Coronary sinus stenosis</t>
  </si>
  <si>
    <t>• Congenital anomaly of hepatic vein</t>
  </si>
  <si>
    <t>• Atrioventricular discordance</t>
  </si>
  <si>
    <t>• Criss-cross heart</t>
  </si>
  <si>
    <t>• Rare syndrome with cardiac malformations</t>
  </si>
  <si>
    <t>• CHARGE syndrome</t>
  </si>
  <si>
    <t>• 22q11.2 deletion syndrome</t>
  </si>
  <si>
    <t>• Williams syndrome</t>
  </si>
  <si>
    <t>• Watson syndrome</t>
  </si>
  <si>
    <t>• Alagille syndrome</t>
  </si>
  <si>
    <t>• Alagille syndrome due to a NOTCH2 point mutation</t>
  </si>
  <si>
    <t>• Alagille syndrome due to 20p12 microdeletion</t>
  </si>
  <si>
    <t>• Alagille syndrome due to a JAG1 point mutation</t>
  </si>
  <si>
    <t>• Ellis Van Creveld syndrome</t>
  </si>
  <si>
    <t>• Atrioventricular defect - blepharophimosis -radial defects</t>
  </si>
  <si>
    <t>• Microcephaly - cardiac defect - lung malsegmentation</t>
  </si>
  <si>
    <t>• TARP syndrome</t>
  </si>
  <si>
    <t>• Thomas syndrome</t>
  </si>
  <si>
    <t>• PHACE syndrome</t>
  </si>
  <si>
    <t>• Bosley-Salih-Alorainy syndrome</t>
  </si>
  <si>
    <t>• Brain malformation - congenital heart disease - postaxial polydactyly</t>
  </si>
  <si>
    <t>• Cardiac anomalies - heterotaxy</t>
  </si>
  <si>
    <t>• Dursun syndrome</t>
  </si>
  <si>
    <t>• Microcephaly - facio-cardio-skeletal syndrome, Hadziselimovic type</t>
  </si>
  <si>
    <t>• Patent ductus arteriosus - bicuspid aortic valve - hand anomalies</t>
  </si>
  <si>
    <t>• Polyvalvular heart disease syndrome</t>
  </si>
  <si>
    <t>• Ehlers-Danlos syndrome, cardiac valvular  type</t>
  </si>
  <si>
    <t>• Familial retinal arterial macroaneurysm</t>
  </si>
  <si>
    <t>• Pulmonary vein atresia</t>
  </si>
  <si>
    <r>
      <rPr>
        <b/>
        <sz val="12"/>
        <color theme="0"/>
        <rFont val="Calibri"/>
        <family val="2"/>
        <scheme val="minor"/>
      </rPr>
      <t xml:space="preserve">Seltene Erkrankungen im Bereich der Herzchirurgie 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Orphanet-Klassifikationsbaum mit sämtlichen zugeordneten Erkrankungen / Entitäten (inklusive Synonyme)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r>
      <t>©</t>
    </r>
    <r>
      <rPr>
        <sz val="9.9"/>
        <color theme="1"/>
        <rFont val="Arial"/>
        <family val="2"/>
      </rPr>
      <t xml:space="preserve"> Orphanet / Orphanet Austria / NKSE 2013</t>
    </r>
  </si>
  <si>
    <t>(bitte in nachfolgende Zeilen eintragen)</t>
  </si>
  <si>
    <r>
      <t xml:space="preserve">Für Klassifikation / Gruppierung von SE geeignet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r>
      <rPr>
        <b/>
        <sz val="12"/>
        <color theme="0"/>
        <rFont val="Calibri"/>
        <family val="2"/>
        <scheme val="minor"/>
      </rPr>
      <t>Seltene Erkrankungen im Bereich der Herzchirurgie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Darstellung der ersten Hierarchiestufe im Orphanet-Klassifikationsbaum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t>Ergänzende und/oder alternative Vorschläge zur Klassifikation / Gruppierung von seltenen Erkrankungen im Bereich der</t>
  </si>
  <si>
    <t>Herzchirurgie</t>
  </si>
</sst>
</file>

<file path=xl/styles.xml><?xml version="1.0" encoding="utf-8"?>
<styleSheet xmlns="http://schemas.openxmlformats.org/spreadsheetml/2006/main">
  <numFmts count="1">
    <numFmt numFmtId="164" formatCode="###0;###0"/>
  </numFmts>
  <fonts count="16">
    <font>
      <sz val="11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1"/>
      <color theme="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8"/>
      <color theme="1"/>
      <name val="Arial"/>
      <family val="2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theme="1"/>
      <name val="Arial"/>
      <family val="2"/>
    </font>
    <font>
      <sz val="10"/>
      <color rgb="FF000000"/>
      <name val="Arial"/>
      <family val="2"/>
    </font>
    <font>
      <b/>
      <sz val="10"/>
      <color rgb="FF000000"/>
      <name val="Arial"/>
      <family val="2"/>
    </font>
    <font>
      <sz val="11"/>
      <color theme="1"/>
      <name val="Arial"/>
      <family val="2"/>
    </font>
    <font>
      <sz val="10"/>
      <color indexed="63"/>
      <name val="Arial"/>
      <family val="2"/>
    </font>
    <font>
      <sz val="9.9"/>
      <color theme="1"/>
      <name val="Arial"/>
      <family val="2"/>
    </font>
    <font>
      <sz val="10"/>
      <color theme="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rgb="FFB8CCE4"/>
      </patternFill>
    </fill>
    <fill>
      <patternFill patternType="solid">
        <fgColor theme="0"/>
        <bgColor rgb="FFDCE6F1"/>
      </patternFill>
    </fill>
    <fill>
      <patternFill patternType="solid">
        <fgColor rgb="FFBDC8E6"/>
        <bgColor indexed="64"/>
      </patternFill>
    </fill>
  </fills>
  <borders count="43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rgb="FF231F20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rgb="FF231F2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141">
    <xf numFmtId="0" fontId="0" fillId="0" borderId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101">
    <xf numFmtId="0" fontId="0" fillId="0" borderId="0" xfId="0"/>
    <xf numFmtId="0" fontId="4" fillId="2" borderId="1" xfId="0" applyFont="1" applyFill="1" applyBorder="1" applyAlignment="1" applyProtection="1">
      <alignment horizontal="center"/>
    </xf>
    <xf numFmtId="0" fontId="0" fillId="2" borderId="2" xfId="0" applyFill="1" applyBorder="1" applyProtection="1"/>
    <xf numFmtId="0" fontId="0" fillId="2" borderId="2" xfId="0" applyFill="1" applyBorder="1" applyAlignment="1" applyProtection="1"/>
    <xf numFmtId="0" fontId="5" fillId="2" borderId="4" xfId="0" applyFont="1" applyFill="1" applyBorder="1" applyAlignment="1" applyProtection="1">
      <alignment horizontal="left"/>
    </xf>
    <xf numFmtId="0" fontId="5" fillId="2" borderId="0" xfId="0" applyFont="1" applyFill="1" applyBorder="1" applyProtection="1"/>
    <xf numFmtId="0" fontId="5" fillId="2" borderId="8" xfId="0" applyFont="1" applyFill="1" applyBorder="1" applyAlignment="1" applyProtection="1">
      <alignment horizontal="center"/>
    </xf>
    <xf numFmtId="0" fontId="5" fillId="2" borderId="9" xfId="0" applyFont="1" applyFill="1" applyBorder="1" applyProtection="1"/>
    <xf numFmtId="0" fontId="5" fillId="2" borderId="9" xfId="0" applyFont="1" applyFill="1" applyBorder="1" applyAlignment="1" applyProtection="1"/>
    <xf numFmtId="0" fontId="0" fillId="2" borderId="9" xfId="0" applyFill="1" applyBorder="1" applyAlignment="1" applyProtection="1"/>
    <xf numFmtId="0" fontId="1" fillId="4" borderId="16" xfId="0" applyFont="1" applyFill="1" applyBorder="1" applyAlignment="1" applyProtection="1">
      <alignment horizontal="center" vertical="top" wrapText="1"/>
    </xf>
    <xf numFmtId="0" fontId="2" fillId="4" borderId="18" xfId="0" applyFont="1" applyFill="1" applyBorder="1" applyAlignment="1" applyProtection="1">
      <alignment horizontal="center" vertical="top" wrapText="1"/>
    </xf>
    <xf numFmtId="0" fontId="6" fillId="2" borderId="14" xfId="0" applyFont="1" applyFill="1" applyBorder="1" applyAlignment="1" applyProtection="1">
      <alignment vertical="center"/>
    </xf>
    <xf numFmtId="0" fontId="4" fillId="3" borderId="0" xfId="0" applyFont="1" applyFill="1" applyAlignment="1" applyProtection="1">
      <alignment horizontal="center"/>
    </xf>
    <xf numFmtId="0" fontId="0" fillId="3" borderId="0" xfId="0" applyFill="1" applyProtection="1"/>
    <xf numFmtId="0" fontId="0" fillId="3" borderId="0" xfId="0" applyFill="1" applyAlignment="1" applyProtection="1">
      <alignment horizontal="center"/>
    </xf>
    <xf numFmtId="0" fontId="0" fillId="3" borderId="2" xfId="0" applyFill="1" applyBorder="1" applyAlignment="1" applyProtection="1"/>
    <xf numFmtId="0" fontId="9" fillId="3" borderId="20" xfId="0" applyFont="1" applyFill="1" applyBorder="1" applyAlignment="1" applyProtection="1">
      <alignment vertical="center"/>
      <protection locked="0"/>
    </xf>
    <xf numFmtId="0" fontId="9" fillId="3" borderId="21" xfId="0" applyFont="1" applyFill="1" applyBorder="1" applyAlignment="1" applyProtection="1">
      <alignment vertical="center"/>
      <protection locked="0"/>
    </xf>
    <xf numFmtId="0" fontId="0" fillId="3" borderId="1" xfId="0" applyFill="1" applyBorder="1" applyAlignment="1" applyProtection="1"/>
    <xf numFmtId="0" fontId="0" fillId="3" borderId="3" xfId="0" applyFill="1" applyBorder="1" applyAlignment="1" applyProtection="1"/>
    <xf numFmtId="0" fontId="5" fillId="3" borderId="0" xfId="0" applyFont="1" applyFill="1" applyProtection="1"/>
    <xf numFmtId="0" fontId="5" fillId="2" borderId="0" xfId="0" applyFont="1" applyFill="1" applyBorder="1" applyAlignment="1" applyProtection="1"/>
    <xf numFmtId="0" fontId="0" fillId="2" borderId="0" xfId="0" applyFill="1" applyBorder="1" applyAlignment="1" applyProtection="1"/>
    <xf numFmtId="0" fontId="0" fillId="3" borderId="8" xfId="0" applyFill="1" applyBorder="1" applyAlignment="1" applyProtection="1"/>
    <xf numFmtId="0" fontId="0" fillId="3" borderId="11" xfId="0" applyFill="1" applyBorder="1" applyAlignment="1" applyProtection="1"/>
    <xf numFmtId="0" fontId="0" fillId="3" borderId="12" xfId="0" applyFill="1" applyBorder="1" applyAlignment="1" applyProtection="1"/>
    <xf numFmtId="0" fontId="0" fillId="3" borderId="0" xfId="0" applyFill="1" applyAlignment="1" applyProtection="1"/>
    <xf numFmtId="0" fontId="6" fillId="3" borderId="0" xfId="0" applyFont="1" applyFill="1" applyAlignment="1" applyProtection="1">
      <alignment vertical="center"/>
    </xf>
    <xf numFmtId="0" fontId="0" fillId="2" borderId="14" xfId="0" applyFill="1" applyBorder="1" applyAlignment="1" applyProtection="1">
      <alignment vertical="center"/>
    </xf>
    <xf numFmtId="0" fontId="7" fillId="3" borderId="0" xfId="0" applyFont="1" applyFill="1" applyAlignment="1" applyProtection="1">
      <alignment vertical="top" wrapText="1"/>
    </xf>
    <xf numFmtId="0" fontId="1" fillId="4" borderId="29" xfId="0" applyFont="1" applyFill="1" applyBorder="1" applyAlignment="1" applyProtection="1">
      <alignment horizontal="center" vertical="top" wrapText="1"/>
    </xf>
    <xf numFmtId="0" fontId="7" fillId="4" borderId="17" xfId="0" applyFont="1" applyFill="1" applyBorder="1" applyAlignment="1" applyProtection="1">
      <alignment vertical="top" wrapText="1"/>
    </xf>
    <xf numFmtId="0" fontId="2" fillId="4" borderId="12" xfId="0" applyFont="1" applyFill="1" applyBorder="1" applyAlignment="1" applyProtection="1">
      <alignment horizontal="center" vertical="top" wrapText="1"/>
    </xf>
    <xf numFmtId="164" fontId="13" fillId="7" borderId="30" xfId="0" applyNumberFormat="1" applyFont="1" applyFill="1" applyBorder="1" applyAlignment="1" applyProtection="1">
      <alignment horizontal="left" vertical="center" wrapText="1"/>
    </xf>
    <xf numFmtId="164" fontId="13" fillId="7" borderId="31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Alignment="1" applyProtection="1">
      <alignment vertical="center"/>
    </xf>
    <xf numFmtId="0" fontId="9" fillId="3" borderId="32" xfId="0" applyFont="1" applyFill="1" applyBorder="1" applyAlignment="1" applyProtection="1">
      <alignment horizontal="center" vertical="center"/>
    </xf>
    <xf numFmtId="164" fontId="13" fillId="4" borderId="33" xfId="0" applyNumberFormat="1" applyFont="1" applyFill="1" applyBorder="1" applyAlignment="1" applyProtection="1">
      <alignment horizontal="left" vertical="center" wrapText="1"/>
    </xf>
    <xf numFmtId="0" fontId="15" fillId="4" borderId="1" xfId="0" applyFont="1" applyFill="1" applyBorder="1" applyAlignment="1" applyProtection="1">
      <alignment vertical="center"/>
    </xf>
    <xf numFmtId="164" fontId="13" fillId="4" borderId="36" xfId="0" applyNumberFormat="1" applyFont="1" applyFill="1" applyBorder="1" applyAlignment="1" applyProtection="1">
      <alignment horizontal="left" vertical="center" wrapText="1"/>
    </xf>
    <xf numFmtId="0" fontId="9" fillId="4" borderId="8" xfId="0" applyFont="1" applyFill="1" applyBorder="1" applyAlignment="1" applyProtection="1">
      <alignment vertical="center"/>
    </xf>
    <xf numFmtId="0" fontId="9" fillId="3" borderId="32" xfId="0" applyFont="1" applyFill="1" applyBorder="1" applyAlignment="1" applyProtection="1">
      <alignment vertical="center"/>
    </xf>
    <xf numFmtId="0" fontId="9" fillId="3" borderId="14" xfId="0" applyFont="1" applyFill="1" applyBorder="1" applyAlignment="1" applyProtection="1">
      <alignment vertical="center"/>
    </xf>
    <xf numFmtId="0" fontId="9" fillId="3" borderId="39" xfId="0" applyFont="1" applyFill="1" applyBorder="1" applyAlignment="1" applyProtection="1">
      <alignment horizontal="center" vertical="center"/>
    </xf>
    <xf numFmtId="0" fontId="9" fillId="3" borderId="23" xfId="0" applyFont="1" applyFill="1" applyBorder="1" applyAlignment="1" applyProtection="1">
      <alignment vertical="center"/>
      <protection locked="0"/>
    </xf>
    <xf numFmtId="0" fontId="9" fillId="3" borderId="27" xfId="0" applyFont="1" applyFill="1" applyBorder="1" applyAlignment="1" applyProtection="1">
      <alignment vertical="center"/>
      <protection locked="0"/>
    </xf>
    <xf numFmtId="164" fontId="13" fillId="4" borderId="40" xfId="0" applyNumberFormat="1" applyFont="1" applyFill="1" applyBorder="1" applyAlignment="1" applyProtection="1">
      <alignment horizontal="left" vertical="center" wrapText="1"/>
    </xf>
    <xf numFmtId="0" fontId="15" fillId="4" borderId="4" xfId="0" applyFont="1" applyFill="1" applyBorder="1" applyAlignment="1" applyProtection="1">
      <alignment vertical="center"/>
    </xf>
    <xf numFmtId="0" fontId="12" fillId="3" borderId="20" xfId="0" applyFont="1" applyFill="1" applyBorder="1" applyProtection="1">
      <protection locked="0"/>
    </xf>
    <xf numFmtId="0" fontId="12" fillId="3" borderId="21" xfId="0" applyFont="1" applyFill="1" applyBorder="1" applyProtection="1">
      <protection locked="0"/>
    </xf>
    <xf numFmtId="0" fontId="12" fillId="3" borderId="23" xfId="0" applyFont="1" applyFill="1" applyBorder="1" applyProtection="1">
      <protection locked="0"/>
    </xf>
    <xf numFmtId="0" fontId="12" fillId="3" borderId="27" xfId="0" applyFont="1" applyFill="1" applyBorder="1" applyProtection="1">
      <protection locked="0"/>
    </xf>
    <xf numFmtId="0" fontId="9" fillId="3" borderId="19" xfId="0" applyFont="1" applyFill="1" applyBorder="1" applyAlignment="1" applyProtection="1">
      <alignment horizontal="center" vertical="center"/>
    </xf>
    <xf numFmtId="0" fontId="10" fillId="5" borderId="13" xfId="0" applyFont="1" applyFill="1" applyBorder="1" applyAlignment="1" applyProtection="1">
      <alignment vertical="center"/>
    </xf>
    <xf numFmtId="49" fontId="11" fillId="5" borderId="14" xfId="0" applyNumberFormat="1" applyFont="1" applyFill="1" applyBorder="1" applyAlignment="1" applyProtection="1">
      <alignment vertical="center"/>
    </xf>
    <xf numFmtId="0" fontId="10" fillId="3" borderId="14" xfId="0" applyFont="1" applyFill="1" applyBorder="1" applyAlignment="1" applyProtection="1">
      <alignment vertical="center"/>
    </xf>
    <xf numFmtId="49" fontId="10" fillId="5" borderId="14" xfId="0" applyNumberFormat="1" applyFont="1" applyFill="1" applyBorder="1" applyAlignment="1" applyProtection="1">
      <alignment vertical="center"/>
    </xf>
    <xf numFmtId="0" fontId="9" fillId="3" borderId="15" xfId="0" applyFont="1" applyFill="1" applyBorder="1" applyAlignment="1" applyProtection="1">
      <alignment vertical="center"/>
    </xf>
    <xf numFmtId="0" fontId="10" fillId="6" borderId="13" xfId="0" applyFont="1" applyFill="1" applyBorder="1" applyAlignment="1" applyProtection="1">
      <alignment vertical="center"/>
    </xf>
    <xf numFmtId="49" fontId="10" fillId="6" borderId="14" xfId="0" applyNumberFormat="1" applyFont="1" applyFill="1" applyBorder="1" applyAlignment="1" applyProtection="1">
      <alignment vertical="center"/>
    </xf>
    <xf numFmtId="0" fontId="0" fillId="3" borderId="19" xfId="0" applyFill="1" applyBorder="1" applyAlignment="1" applyProtection="1">
      <alignment horizontal="center"/>
    </xf>
    <xf numFmtId="0" fontId="12" fillId="3" borderId="14" xfId="0" applyFont="1" applyFill="1" applyBorder="1" applyProtection="1"/>
    <xf numFmtId="0" fontId="12" fillId="3" borderId="15" xfId="0" applyFont="1" applyFill="1" applyBorder="1" applyProtection="1"/>
    <xf numFmtId="0" fontId="0" fillId="3" borderId="22" xfId="0" applyFill="1" applyBorder="1" applyAlignment="1" applyProtection="1">
      <alignment horizontal="center"/>
    </xf>
    <xf numFmtId="0" fontId="10" fillId="6" borderId="24" xfId="0" applyFont="1" applyFill="1" applyBorder="1" applyAlignment="1" applyProtection="1">
      <alignment vertical="center"/>
    </xf>
    <xf numFmtId="49" fontId="10" fillId="6" borderId="25" xfId="0" applyNumberFormat="1" applyFont="1" applyFill="1" applyBorder="1" applyAlignment="1" applyProtection="1">
      <alignment vertical="center"/>
    </xf>
    <xf numFmtId="0" fontId="12" fillId="3" borderId="25" xfId="0" applyFont="1" applyFill="1" applyBorder="1" applyProtection="1"/>
    <xf numFmtId="0" fontId="12" fillId="3" borderId="26" xfId="0" applyFont="1" applyFill="1" applyBorder="1" applyProtection="1"/>
    <xf numFmtId="0" fontId="12" fillId="3" borderId="0" xfId="0" applyFont="1" applyFill="1" applyProtection="1"/>
    <xf numFmtId="0" fontId="9" fillId="4" borderId="34" xfId="0" applyFont="1" applyFill="1" applyBorder="1" applyAlignment="1" applyProtection="1">
      <alignment vertical="center"/>
    </xf>
    <xf numFmtId="0" fontId="9" fillId="4" borderId="35" xfId="0" applyFont="1" applyFill="1" applyBorder="1" applyAlignment="1" applyProtection="1">
      <alignment vertical="center"/>
    </xf>
    <xf numFmtId="0" fontId="9" fillId="4" borderId="41" xfId="0" applyFont="1" applyFill="1" applyBorder="1" applyAlignment="1" applyProtection="1">
      <alignment vertical="center"/>
    </xf>
    <xf numFmtId="0" fontId="9" fillId="4" borderId="42" xfId="0" applyFont="1" applyFill="1" applyBorder="1" applyAlignment="1" applyProtection="1">
      <alignment vertical="center"/>
    </xf>
    <xf numFmtId="0" fontId="9" fillId="4" borderId="37" xfId="0" applyFont="1" applyFill="1" applyBorder="1" applyAlignment="1" applyProtection="1">
      <alignment vertical="center"/>
    </xf>
    <xf numFmtId="0" fontId="9" fillId="4" borderId="38" xfId="0" applyFont="1" applyFill="1" applyBorder="1" applyAlignment="1" applyProtection="1">
      <alignment vertical="center"/>
    </xf>
    <xf numFmtId="0" fontId="6" fillId="2" borderId="13" xfId="0" applyFont="1" applyFill="1" applyBorder="1" applyAlignment="1" applyProtection="1">
      <alignment vertical="center"/>
    </xf>
    <xf numFmtId="0" fontId="6" fillId="2" borderId="14" xfId="0" applyFont="1" applyFill="1" applyBorder="1" applyAlignment="1" applyProtection="1">
      <alignment vertical="center"/>
    </xf>
    <xf numFmtId="0" fontId="0" fillId="2" borderId="14" xfId="0" applyFill="1" applyBorder="1" applyAlignment="1" applyProtection="1">
      <alignment vertical="center"/>
    </xf>
    <xf numFmtId="0" fontId="2" fillId="4" borderId="11" xfId="0" applyFont="1" applyFill="1" applyBorder="1" applyAlignment="1" applyProtection="1">
      <alignment vertical="top" wrapText="1"/>
    </xf>
    <xf numFmtId="0" fontId="0" fillId="4" borderId="11" xfId="0" applyFill="1" applyBorder="1" applyAlignment="1" applyProtection="1">
      <alignment vertical="top" wrapText="1"/>
    </xf>
    <xf numFmtId="0" fontId="0" fillId="4" borderId="12" xfId="0" applyFill="1" applyBorder="1" applyAlignment="1" applyProtection="1">
      <alignment vertical="top" wrapText="1"/>
    </xf>
    <xf numFmtId="0" fontId="0" fillId="3" borderId="28" xfId="0" applyFill="1" applyBorder="1" applyAlignment="1" applyProtection="1">
      <protection locked="0"/>
    </xf>
    <xf numFmtId="0" fontId="0" fillId="0" borderId="6" xfId="0" applyBorder="1" applyAlignment="1" applyProtection="1">
      <protection locked="0"/>
    </xf>
    <xf numFmtId="0" fontId="0" fillId="0" borderId="7" xfId="0" applyBorder="1" applyAlignment="1" applyProtection="1">
      <protection locked="0"/>
    </xf>
    <xf numFmtId="0" fontId="0" fillId="3" borderId="13" xfId="0" applyFill="1" applyBorder="1" applyAlignment="1" applyProtection="1">
      <alignment vertical="center"/>
      <protection locked="0"/>
    </xf>
    <xf numFmtId="0" fontId="0" fillId="0" borderId="14" xfId="0" applyBorder="1" applyAlignment="1" applyProtection="1">
      <alignment vertical="center"/>
      <protection locked="0"/>
    </xf>
    <xf numFmtId="0" fontId="0" fillId="0" borderId="15" xfId="0" applyBorder="1" applyAlignment="1" applyProtection="1">
      <alignment vertical="center"/>
      <protection locked="0"/>
    </xf>
    <xf numFmtId="0" fontId="9" fillId="3" borderId="13" xfId="0" applyFont="1" applyFill="1" applyBorder="1" applyAlignment="1" applyProtection="1">
      <alignment vertical="center"/>
      <protection locked="0"/>
    </xf>
    <xf numFmtId="0" fontId="9" fillId="3" borderId="24" xfId="0" applyFont="1" applyFill="1" applyBorder="1" applyAlignment="1" applyProtection="1">
      <alignment vertical="center"/>
      <protection locked="0"/>
    </xf>
    <xf numFmtId="0" fontId="0" fillId="0" borderId="25" xfId="0" applyBorder="1" applyAlignment="1" applyProtection="1">
      <alignment vertical="center"/>
      <protection locked="0"/>
    </xf>
    <xf numFmtId="0" fontId="0" fillId="0" borderId="26" xfId="0" applyBorder="1" applyAlignment="1" applyProtection="1">
      <alignment vertical="center"/>
      <protection locked="0"/>
    </xf>
    <xf numFmtId="49" fontId="1" fillId="4" borderId="2" xfId="0" applyNumberFormat="1" applyFont="1" applyFill="1" applyBorder="1" applyAlignment="1" applyProtection="1">
      <alignment vertical="top" wrapText="1"/>
    </xf>
    <xf numFmtId="0" fontId="2" fillId="4" borderId="2" xfId="0" applyFont="1" applyFill="1" applyBorder="1" applyAlignment="1" applyProtection="1">
      <alignment vertical="top" wrapText="1"/>
    </xf>
    <xf numFmtId="0" fontId="2" fillId="4" borderId="3" xfId="0" applyFont="1" applyFill="1" applyBorder="1" applyAlignment="1" applyProtection="1">
      <alignment vertical="top" wrapText="1"/>
    </xf>
    <xf numFmtId="49" fontId="1" fillId="4" borderId="0" xfId="0" applyNumberFormat="1" applyFont="1" applyFill="1" applyBorder="1" applyAlignment="1" applyProtection="1">
      <alignment vertical="top" wrapText="1"/>
    </xf>
    <xf numFmtId="0" fontId="0" fillId="0" borderId="0" xfId="0" applyAlignment="1" applyProtection="1">
      <alignment vertical="top" wrapText="1"/>
    </xf>
    <xf numFmtId="0" fontId="0" fillId="0" borderId="5" xfId="0" applyBorder="1" applyAlignment="1" applyProtection="1">
      <alignment vertical="top" wrapText="1"/>
    </xf>
    <xf numFmtId="49" fontId="8" fillId="4" borderId="9" xfId="0" applyNumberFormat="1" applyFont="1" applyFill="1" applyBorder="1" applyAlignment="1" applyProtection="1">
      <alignment vertical="top" wrapText="1"/>
    </xf>
    <xf numFmtId="0" fontId="2" fillId="4" borderId="9" xfId="0" applyFont="1" applyFill="1" applyBorder="1" applyAlignment="1" applyProtection="1">
      <alignment vertical="top" wrapText="1"/>
    </xf>
    <xf numFmtId="0" fontId="2" fillId="4" borderId="10" xfId="0" applyFont="1" applyFill="1" applyBorder="1" applyAlignment="1" applyProtection="1">
      <alignment vertical="top" wrapText="1"/>
    </xf>
  </cellXfs>
  <cellStyles count="141">
    <cellStyle name="Besuchter Hyperlink" xfId="1" builtinId="9" hidden="1"/>
    <cellStyle name="Besuchter Hyperlink" xfId="2" builtinId="9" hidden="1"/>
    <cellStyle name="Besuchter Hyperlink" xfId="3" builtinId="9" hidden="1"/>
    <cellStyle name="Besuchter Hyperlink" xfId="4" builtinId="9" hidden="1"/>
    <cellStyle name="Besuchter Hyperlink" xfId="5" builtinId="9" hidden="1"/>
    <cellStyle name="Besuchter Hyperlink" xfId="6" builtinId="9" hidden="1"/>
    <cellStyle name="Besuchter Hyperlink" xfId="7" builtinId="9" hidden="1"/>
    <cellStyle name="Besuchter Hyperlink" xfId="8" builtinId="9" hidden="1"/>
    <cellStyle name="Besuchter Hyperlink" xfId="9" builtinId="9" hidden="1"/>
    <cellStyle name="Besuchter Hyperlink" xfId="10" builtinId="9" hidden="1"/>
    <cellStyle name="Besuchter Hyperlink" xfId="11" builtinId="9" hidden="1"/>
    <cellStyle name="Besuchter Hyperlink" xfId="12" builtinId="9" hidden="1"/>
    <cellStyle name="Besuchter Hyperlink" xfId="13" builtinId="9" hidden="1"/>
    <cellStyle name="Besuchter Hyperlink" xfId="14" builtinId="9" hidden="1"/>
    <cellStyle name="Besuchter Hyperlink" xfId="15" builtinId="9" hidden="1"/>
    <cellStyle name="Besuchter Hyperlink" xfId="16" builtinId="9" hidden="1"/>
    <cellStyle name="Besuchter Hyperlink" xfId="17" builtinId="9" hidden="1"/>
    <cellStyle name="Besuchter Hyperlink" xfId="18" builtinId="9" hidden="1"/>
    <cellStyle name="Besuchter Hyperlink" xfId="19" builtinId="9" hidden="1"/>
    <cellStyle name="Besuchter Hyperlink" xfId="20" builtinId="9" hidden="1"/>
    <cellStyle name="Besuchter Hyperlink" xfId="21" builtinId="9" hidden="1"/>
    <cellStyle name="Besuchter Hyperlink" xfId="22" builtinId="9" hidden="1"/>
    <cellStyle name="Besuchter Hyperlink" xfId="23" builtinId="9" hidden="1"/>
    <cellStyle name="Besuchter Hyperlink" xfId="24" builtinId="9" hidden="1"/>
    <cellStyle name="Besuchter Hyperlink" xfId="25" builtinId="9" hidden="1"/>
    <cellStyle name="Besuchter Hyperlink" xfId="26" builtinId="9" hidden="1"/>
    <cellStyle name="Besuchter Hyperlink" xfId="27" builtinId="9" hidden="1"/>
    <cellStyle name="Besuchter Hyperlink" xfId="28" builtinId="9" hidden="1"/>
    <cellStyle name="Besuchter Hyperlink" xfId="29" builtinId="9" hidden="1"/>
    <cellStyle name="Besuchter Hyperlink" xfId="30" builtinId="9" hidden="1"/>
    <cellStyle name="Besuchter Hyperlink" xfId="31" builtinId="9" hidden="1"/>
    <cellStyle name="Besuchter Hyperlink" xfId="32" builtinId="9" hidden="1"/>
    <cellStyle name="Besuchter Hyperlink" xfId="33" builtinId="9" hidden="1"/>
    <cellStyle name="Besuchter Hyperlink" xfId="34" builtinId="9" hidden="1"/>
    <cellStyle name="Besuchter Hyperlink" xfId="35" builtinId="9" hidden="1"/>
    <cellStyle name="Besuchter Hyperlink" xfId="36" builtinId="9" hidden="1"/>
    <cellStyle name="Besuchter Hyperlink" xfId="37" builtinId="9" hidden="1"/>
    <cellStyle name="Besuchter Hyperlink" xfId="38" builtinId="9" hidden="1"/>
    <cellStyle name="Besuchter Hyperlink" xfId="39" builtinId="9" hidden="1"/>
    <cellStyle name="Besuchter Hyperlink" xfId="40" builtinId="9" hidden="1"/>
    <cellStyle name="Besuchter Hyperlink" xfId="41" builtinId="9" hidden="1"/>
    <cellStyle name="Besuchter Hyperlink" xfId="42" builtinId="9" hidden="1"/>
    <cellStyle name="Besuchter Hyperlink" xfId="43" builtinId="9" hidden="1"/>
    <cellStyle name="Besuchter Hyperlink" xfId="44" builtinId="9" hidden="1"/>
    <cellStyle name="Besuchter Hyperlink" xfId="45" builtinId="9" hidden="1"/>
    <cellStyle name="Besuchter Hyperlink" xfId="46" builtinId="9" hidden="1"/>
    <cellStyle name="Besuchter Hyperlink" xfId="47" builtinId="9" hidden="1"/>
    <cellStyle name="Besuchter Hyperlink" xfId="48" builtinId="9" hidden="1"/>
    <cellStyle name="Besuchter Hyperlink" xfId="49" builtinId="9" hidden="1"/>
    <cellStyle name="Besuchter Hyperlink" xfId="50" builtinId="9" hidden="1"/>
    <cellStyle name="Besuchter Hyperlink" xfId="51" builtinId="9" hidden="1"/>
    <cellStyle name="Besuchter Hyperlink" xfId="52" builtinId="9" hidden="1"/>
    <cellStyle name="Besuchter Hyperlink" xfId="53" builtinId="9" hidden="1"/>
    <cellStyle name="Besuchter Hyperlink" xfId="54" builtinId="9" hidden="1"/>
    <cellStyle name="Besuchter Hyperlink" xfId="55" builtinId="9" hidden="1"/>
    <cellStyle name="Besuchter Hyperlink" xfId="56" builtinId="9" hidden="1"/>
    <cellStyle name="Besuchter Hyperlink" xfId="57" builtinId="9" hidden="1"/>
    <cellStyle name="Besuchter Hyperlink" xfId="58" builtinId="9" hidden="1"/>
    <cellStyle name="Besuchter Hyperlink" xfId="59" builtinId="9" hidden="1"/>
    <cellStyle name="Besuchter Hyperlink" xfId="60" builtinId="9" hidden="1"/>
    <cellStyle name="Besuchter Hyperlink" xfId="61" builtinId="9" hidden="1"/>
    <cellStyle name="Besuchter Hyperlink" xfId="62" builtinId="9" hidden="1"/>
    <cellStyle name="Besuchter Hyperlink" xfId="63" builtinId="9" hidden="1"/>
    <cellStyle name="Besuchter Hyperlink" xfId="64" builtinId="9" hidden="1"/>
    <cellStyle name="Besuchter Hyperlink" xfId="65" builtinId="9" hidden="1"/>
    <cellStyle name="Besuchter Hyperlink" xfId="66" builtinId="9" hidden="1"/>
    <cellStyle name="Besuchter Hyperlink" xfId="67" builtinId="9" hidden="1"/>
    <cellStyle name="Besuchter Hyperlink" xfId="68" builtinId="9" hidden="1"/>
    <cellStyle name="Besuchter Hyperlink" xfId="69" builtinId="9" hidden="1"/>
    <cellStyle name="Besuchter Hyperlink" xfId="70" builtinId="9" hidden="1"/>
    <cellStyle name="Besuchter Hyperlink" xfId="71" builtinId="9" hidden="1"/>
    <cellStyle name="Besuchter Hyperlink" xfId="72" builtinId="9" hidden="1"/>
    <cellStyle name="Besuchter Hyperlink" xfId="73" builtinId="9" hidden="1"/>
    <cellStyle name="Besuchter Hyperlink" xfId="74" builtinId="9" hidden="1"/>
    <cellStyle name="Besuchter Hyperlink" xfId="75" builtinId="9" hidden="1"/>
    <cellStyle name="Besuchter Hyperlink" xfId="76" builtinId="9" hidden="1"/>
    <cellStyle name="Besuchter Hyperlink" xfId="77" builtinId="9" hidden="1"/>
    <cellStyle name="Besuchter Hyperlink" xfId="78" builtinId="9" hidden="1"/>
    <cellStyle name="Besuchter Hyperlink" xfId="79" builtinId="9" hidden="1"/>
    <cellStyle name="Besuchter Hyperlink" xfId="80" builtinId="9" hidden="1"/>
    <cellStyle name="Besuchter Hyperlink" xfId="81" builtinId="9" hidden="1"/>
    <cellStyle name="Besuchter Hyperlink" xfId="82" builtinId="9" hidden="1"/>
    <cellStyle name="Besuchter Hyperlink" xfId="83" builtinId="9" hidden="1"/>
    <cellStyle name="Besuchter Hyperlink" xfId="84" builtinId="9" hidden="1"/>
    <cellStyle name="Besuchter Hyperlink" xfId="85" builtinId="9" hidden="1"/>
    <cellStyle name="Besuchter Hyperlink" xfId="86" builtinId="9" hidden="1"/>
    <cellStyle name="Besuchter Hyperlink" xfId="87" builtinId="9" hidden="1"/>
    <cellStyle name="Besuchter Hyperlink" xfId="88" builtinId="9" hidden="1"/>
    <cellStyle name="Besuchter Hyperlink" xfId="89" builtinId="9" hidden="1"/>
    <cellStyle name="Besuchter Hyperlink" xfId="90" builtinId="9" hidden="1"/>
    <cellStyle name="Besuchter Hyperlink" xfId="91" builtinId="9" hidden="1"/>
    <cellStyle name="Besuchter Hyperlink" xfId="92" builtinId="9" hidden="1"/>
    <cellStyle name="Besuchter Hyperlink" xfId="93" builtinId="9" hidden="1"/>
    <cellStyle name="Besuchter Hyperlink" xfId="94" builtinId="9" hidden="1"/>
    <cellStyle name="Besuchter Hyperlink" xfId="95" builtinId="9" hidden="1"/>
    <cellStyle name="Besuchter Hyperlink" xfId="96" builtinId="9" hidden="1"/>
    <cellStyle name="Besuchter Hyperlink" xfId="97" builtinId="9" hidden="1"/>
    <cellStyle name="Besuchter Hyperlink" xfId="98" builtinId="9" hidden="1"/>
    <cellStyle name="Besuchter Hyperlink" xfId="99" builtinId="9" hidden="1"/>
    <cellStyle name="Besuchter Hyperlink" xfId="100" builtinId="9" hidden="1"/>
    <cellStyle name="Besuchter Hyperlink" xfId="101" builtinId="9" hidden="1"/>
    <cellStyle name="Besuchter Hyperlink" xfId="102" builtinId="9" hidden="1"/>
    <cellStyle name="Besuchter Hyperlink" xfId="103" builtinId="9" hidden="1"/>
    <cellStyle name="Besuchter Hyperlink" xfId="104" builtinId="9" hidden="1"/>
    <cellStyle name="Besuchter Hyperlink" xfId="105" builtinId="9" hidden="1"/>
    <cellStyle name="Besuchter Hyperlink" xfId="106" builtinId="9" hidden="1"/>
    <cellStyle name="Besuchter Hyperlink" xfId="107" builtinId="9" hidden="1"/>
    <cellStyle name="Besuchter Hyperlink" xfId="108" builtinId="9" hidden="1"/>
    <cellStyle name="Besuchter Hyperlink" xfId="109" builtinId="9" hidden="1"/>
    <cellStyle name="Besuchter Hyperlink" xfId="110" builtinId="9" hidden="1"/>
    <cellStyle name="Besuchter Hyperlink" xfId="111" builtinId="9" hidden="1"/>
    <cellStyle name="Besuchter Hyperlink" xfId="112" builtinId="9" hidden="1"/>
    <cellStyle name="Besuchter Hyperlink" xfId="113" builtinId="9" hidden="1"/>
    <cellStyle name="Besuchter Hyperlink" xfId="114" builtinId="9" hidden="1"/>
    <cellStyle name="Besuchter Hyperlink" xfId="115" builtinId="9" hidden="1"/>
    <cellStyle name="Besuchter Hyperlink" xfId="116" builtinId="9" hidden="1"/>
    <cellStyle name="Besuchter Hyperlink" xfId="117" builtinId="9" hidden="1"/>
    <cellStyle name="Besuchter Hyperlink" xfId="118" builtinId="9" hidden="1"/>
    <cellStyle name="Besuchter Hyperlink" xfId="119" builtinId="9" hidden="1"/>
    <cellStyle name="Besuchter Hyperlink" xfId="120" builtinId="9" hidden="1"/>
    <cellStyle name="Besuchter Hyperlink" xfId="121" builtinId="9" hidden="1"/>
    <cellStyle name="Besuchter Hyperlink" xfId="122" builtinId="9" hidden="1"/>
    <cellStyle name="Besuchter Hyperlink" xfId="123" builtinId="9" hidden="1"/>
    <cellStyle name="Besuchter Hyperlink" xfId="124" builtinId="9" hidden="1"/>
    <cellStyle name="Besuchter Hyperlink" xfId="125" builtinId="9" hidden="1"/>
    <cellStyle name="Besuchter Hyperlink" xfId="126" builtinId="9" hidden="1"/>
    <cellStyle name="Besuchter Hyperlink" xfId="127" builtinId="9" hidden="1"/>
    <cellStyle name="Besuchter Hyperlink" xfId="128" builtinId="9" hidden="1"/>
    <cellStyle name="Besuchter Hyperlink" xfId="129" builtinId="9" hidden="1"/>
    <cellStyle name="Besuchter Hyperlink" xfId="130" builtinId="9" hidden="1"/>
    <cellStyle name="Besuchter Hyperlink" xfId="131" builtinId="9" hidden="1"/>
    <cellStyle name="Besuchter Hyperlink" xfId="132" builtinId="9" hidden="1"/>
    <cellStyle name="Besuchter Hyperlink" xfId="133" builtinId="9" hidden="1"/>
    <cellStyle name="Besuchter Hyperlink" xfId="134" builtinId="9" hidden="1"/>
    <cellStyle name="Besuchter Hyperlink" xfId="135" builtinId="9" hidden="1"/>
    <cellStyle name="Besuchter Hyperlink" xfId="136" builtinId="9" hidden="1"/>
    <cellStyle name="Besuchter Hyperlink" xfId="137" builtinId="9" hidden="1"/>
    <cellStyle name="Besuchter Hyperlink" xfId="138" builtinId="9" hidden="1"/>
    <cellStyle name="Besuchter Hyperlink" xfId="139" builtinId="9" hidden="1"/>
    <cellStyle name="Besuchter Hyperlink" xfId="140" builtinId="9" hidden="1"/>
    <cellStyle name="Standard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>
  <dimension ref="A1:O269"/>
  <sheetViews>
    <sheetView tabSelected="1" topLeftCell="C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4" hidden="1" customWidth="1"/>
    <col min="2" max="2" width="6.42578125" style="15" hidden="1" customWidth="1"/>
    <col min="3" max="3" width="10.85546875" style="14" customWidth="1"/>
    <col min="4" max="4" width="1.42578125" style="14" customWidth="1"/>
    <col min="5" max="12" width="3.5703125" style="14" customWidth="1"/>
    <col min="13" max="13" width="100.7109375" style="14" customWidth="1"/>
    <col min="14" max="14" width="20.85546875" style="14" customWidth="1"/>
    <col min="15" max="15" width="24.28515625" style="14" customWidth="1"/>
    <col min="16" max="16384" width="11.42578125" style="14"/>
  </cols>
  <sheetData>
    <row r="1" spans="2:15" ht="5.25" customHeight="1">
      <c r="B1" s="13"/>
      <c r="F1" s="15"/>
      <c r="G1" s="15"/>
      <c r="H1" s="15"/>
    </row>
    <row r="2" spans="2:15" ht="4.5" customHeight="1">
      <c r="B2" s="14"/>
      <c r="C2" s="1"/>
      <c r="D2" s="2"/>
      <c r="E2" s="2"/>
      <c r="F2" s="3"/>
      <c r="G2" s="3"/>
      <c r="H2" s="3"/>
      <c r="I2" s="3"/>
      <c r="J2" s="3"/>
      <c r="K2" s="3"/>
      <c r="L2" s="19"/>
      <c r="M2" s="16"/>
      <c r="N2" s="16"/>
      <c r="O2" s="20"/>
    </row>
    <row r="3" spans="2:15" s="21" customFormat="1" ht="21.75" thickBot="1">
      <c r="C3" s="4" t="s">
        <v>1</v>
      </c>
      <c r="D3" s="5"/>
      <c r="E3" s="5"/>
      <c r="F3" s="22"/>
      <c r="G3" s="23"/>
      <c r="H3" s="23"/>
      <c r="I3" s="23"/>
      <c r="J3" s="23"/>
      <c r="K3" s="23"/>
      <c r="L3" s="82"/>
      <c r="M3" s="83"/>
      <c r="N3" s="83"/>
      <c r="O3" s="84"/>
    </row>
    <row r="4" spans="2:15" s="21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4"/>
      <c r="M4" s="25"/>
      <c r="N4" s="25"/>
      <c r="O4" s="26"/>
    </row>
    <row r="5" spans="2:15" ht="7.5" customHeight="1">
      <c r="B5" s="14"/>
      <c r="C5" s="15"/>
      <c r="G5" s="15"/>
      <c r="H5" s="15"/>
      <c r="I5" s="15"/>
      <c r="J5" s="15"/>
      <c r="K5" s="15"/>
      <c r="M5" s="27"/>
      <c r="N5" s="27"/>
      <c r="O5" s="27"/>
    </row>
    <row r="6" spans="2:15" s="28" customFormat="1" ht="22.5" customHeight="1">
      <c r="C6" s="76" t="s">
        <v>2</v>
      </c>
      <c r="D6" s="77"/>
      <c r="E6" s="78"/>
      <c r="F6" s="12"/>
      <c r="G6" s="29"/>
      <c r="H6" s="29"/>
      <c r="I6" s="29"/>
      <c r="J6" s="29"/>
      <c r="K6" s="29"/>
      <c r="L6" s="85"/>
      <c r="M6" s="86"/>
      <c r="N6" s="86"/>
      <c r="O6" s="87"/>
    </row>
    <row r="7" spans="2:15" s="28" customFormat="1" ht="22.5" customHeight="1">
      <c r="C7" s="76" t="s">
        <v>3</v>
      </c>
      <c r="D7" s="77"/>
      <c r="E7" s="78"/>
      <c r="F7" s="12"/>
      <c r="G7" s="29"/>
      <c r="H7" s="29"/>
      <c r="I7" s="29"/>
      <c r="J7" s="29"/>
      <c r="K7" s="29"/>
      <c r="L7" s="85"/>
      <c r="M7" s="86"/>
      <c r="N7" s="86"/>
      <c r="O7" s="87"/>
    </row>
    <row r="8" spans="2:15" ht="7.5" customHeight="1" thickBot="1">
      <c r="F8" s="15"/>
      <c r="G8" s="15"/>
      <c r="H8" s="15"/>
    </row>
    <row r="9" spans="2:15" s="30" customFormat="1" ht="45" customHeight="1">
      <c r="B9" s="31" t="s">
        <v>4</v>
      </c>
      <c r="C9" s="10" t="s">
        <v>5</v>
      </c>
      <c r="D9" s="32"/>
      <c r="E9" s="79" t="s">
        <v>219</v>
      </c>
      <c r="F9" s="80"/>
      <c r="G9" s="80"/>
      <c r="H9" s="80"/>
      <c r="I9" s="80"/>
      <c r="J9" s="80"/>
      <c r="K9" s="80"/>
      <c r="L9" s="80"/>
      <c r="M9" s="81"/>
      <c r="N9" s="33" t="s">
        <v>6</v>
      </c>
      <c r="O9" s="11" t="s">
        <v>7</v>
      </c>
    </row>
    <row r="10" spans="2:15" s="36" customFormat="1" ht="15.75" customHeight="1">
      <c r="B10" s="53"/>
      <c r="C10" s="34">
        <v>97965</v>
      </c>
      <c r="D10" s="54"/>
      <c r="E10" s="55" t="s">
        <v>0</v>
      </c>
      <c r="F10" s="56"/>
      <c r="G10" s="56"/>
      <c r="H10" s="56"/>
      <c r="I10" s="57"/>
      <c r="J10" s="57"/>
      <c r="K10" s="43"/>
      <c r="L10" s="43"/>
      <c r="M10" s="58"/>
      <c r="N10" s="17"/>
      <c r="O10" s="18"/>
    </row>
    <row r="11" spans="2:15" s="36" customFormat="1" ht="15" customHeight="1">
      <c r="B11" s="53"/>
      <c r="C11" s="34">
        <v>88991</v>
      </c>
      <c r="D11" s="54"/>
      <c r="E11" s="57"/>
      <c r="F11" s="57" t="s">
        <v>10</v>
      </c>
      <c r="G11" s="56"/>
      <c r="H11" s="56"/>
      <c r="I11" s="57"/>
      <c r="J11" s="57"/>
      <c r="K11" s="43"/>
      <c r="L11" s="43"/>
      <c r="M11" s="58"/>
      <c r="N11" s="17"/>
      <c r="O11" s="18"/>
    </row>
    <row r="12" spans="2:15" s="36" customFormat="1" ht="15" customHeight="1">
      <c r="B12" s="53"/>
      <c r="C12" s="34">
        <v>1480</v>
      </c>
      <c r="D12" s="54"/>
      <c r="E12" s="57"/>
      <c r="F12" s="57"/>
      <c r="G12" s="57" t="s">
        <v>11</v>
      </c>
      <c r="H12" s="56"/>
      <c r="I12" s="57"/>
      <c r="J12" s="57"/>
      <c r="K12" s="43"/>
      <c r="L12" s="43"/>
      <c r="M12" s="58"/>
      <c r="N12" s="17"/>
      <c r="O12" s="18"/>
    </row>
    <row r="13" spans="2:15" s="36" customFormat="1" ht="15" customHeight="1">
      <c r="B13" s="53">
        <v>1</v>
      </c>
      <c r="C13" s="34">
        <v>99092</v>
      </c>
      <c r="D13" s="54"/>
      <c r="E13" s="57"/>
      <c r="F13" s="57"/>
      <c r="G13" s="57"/>
      <c r="H13" s="57" t="s">
        <v>12</v>
      </c>
      <c r="I13" s="57"/>
      <c r="J13" s="57"/>
      <c r="K13" s="43"/>
      <c r="L13" s="43"/>
      <c r="M13" s="58"/>
      <c r="N13" s="17"/>
      <c r="O13" s="18"/>
    </row>
    <row r="14" spans="2:15" s="36" customFormat="1" ht="15" customHeight="1">
      <c r="B14" s="53">
        <v>2</v>
      </c>
      <c r="C14" s="34">
        <v>99094</v>
      </c>
      <c r="D14" s="59"/>
      <c r="E14" s="60"/>
      <c r="F14" s="60"/>
      <c r="G14" s="60"/>
      <c r="H14" s="60" t="s">
        <v>13</v>
      </c>
      <c r="I14" s="60"/>
      <c r="J14" s="60"/>
      <c r="K14" s="43"/>
      <c r="L14" s="43"/>
      <c r="M14" s="58"/>
      <c r="N14" s="17"/>
      <c r="O14" s="18"/>
    </row>
    <row r="15" spans="2:15" s="36" customFormat="1" ht="15" customHeight="1">
      <c r="B15" s="53">
        <v>3</v>
      </c>
      <c r="C15" s="34">
        <v>99095</v>
      </c>
      <c r="D15" s="54"/>
      <c r="E15" s="57"/>
      <c r="F15" s="57"/>
      <c r="G15" s="57"/>
      <c r="H15" s="57" t="s">
        <v>14</v>
      </c>
      <c r="I15" s="57"/>
      <c r="J15" s="57"/>
      <c r="K15" s="43"/>
      <c r="L15" s="43"/>
      <c r="M15" s="58"/>
      <c r="N15" s="17"/>
      <c r="O15" s="18"/>
    </row>
    <row r="16" spans="2:15" s="36" customFormat="1" ht="15" customHeight="1">
      <c r="B16" s="53">
        <v>4</v>
      </c>
      <c r="C16" s="34">
        <v>99096</v>
      </c>
      <c r="D16" s="59"/>
      <c r="E16" s="60"/>
      <c r="F16" s="60"/>
      <c r="G16" s="60"/>
      <c r="H16" s="60" t="s">
        <v>15</v>
      </c>
      <c r="I16" s="60"/>
      <c r="J16" s="60"/>
      <c r="K16" s="43"/>
      <c r="L16" s="43"/>
      <c r="M16" s="58"/>
      <c r="N16" s="17"/>
      <c r="O16" s="18"/>
    </row>
    <row r="17" spans="2:15" s="36" customFormat="1" ht="15" customHeight="1">
      <c r="B17" s="53">
        <v>5</v>
      </c>
      <c r="C17" s="34">
        <v>99097</v>
      </c>
      <c r="D17" s="54"/>
      <c r="E17" s="57"/>
      <c r="F17" s="57"/>
      <c r="G17" s="57"/>
      <c r="H17" s="57" t="s">
        <v>16</v>
      </c>
      <c r="I17" s="57"/>
      <c r="J17" s="57"/>
      <c r="K17" s="43"/>
      <c r="L17" s="43"/>
      <c r="M17" s="58"/>
      <c r="N17" s="17"/>
      <c r="O17" s="18"/>
    </row>
    <row r="18" spans="2:15" s="36" customFormat="1" ht="15" customHeight="1">
      <c r="B18" s="53"/>
      <c r="C18" s="34">
        <v>2846</v>
      </c>
      <c r="D18" s="59"/>
      <c r="E18" s="60"/>
      <c r="F18" s="60"/>
      <c r="G18" s="60" t="s">
        <v>17</v>
      </c>
      <c r="H18" s="56"/>
      <c r="I18" s="60"/>
      <c r="J18" s="60"/>
      <c r="K18" s="43"/>
      <c r="L18" s="43"/>
      <c r="M18" s="58"/>
      <c r="N18" s="17"/>
      <c r="O18" s="18"/>
    </row>
    <row r="19" spans="2:15" s="36" customFormat="1" ht="15" customHeight="1">
      <c r="B19" s="53">
        <v>6</v>
      </c>
      <c r="C19" s="34">
        <v>99129</v>
      </c>
      <c r="D19" s="59"/>
      <c r="E19" s="60"/>
      <c r="F19" s="60"/>
      <c r="G19" s="60"/>
      <c r="H19" s="60" t="s">
        <v>18</v>
      </c>
      <c r="I19" s="60"/>
      <c r="J19" s="60"/>
      <c r="K19" s="43"/>
      <c r="L19" s="43"/>
      <c r="M19" s="58"/>
      <c r="N19" s="17"/>
      <c r="O19" s="18"/>
    </row>
    <row r="20" spans="2:15" s="36" customFormat="1" ht="15" customHeight="1">
      <c r="B20" s="53">
        <v>7</v>
      </c>
      <c r="C20" s="34">
        <v>99130</v>
      </c>
      <c r="D20" s="54"/>
      <c r="E20" s="57"/>
      <c r="F20" s="57"/>
      <c r="G20" s="57"/>
      <c r="H20" s="57" t="s">
        <v>19</v>
      </c>
      <c r="I20" s="57"/>
      <c r="J20" s="57"/>
      <c r="K20" s="43"/>
      <c r="L20" s="43"/>
      <c r="M20" s="58"/>
      <c r="N20" s="17"/>
      <c r="O20" s="18"/>
    </row>
    <row r="21" spans="2:15" s="36" customFormat="1" ht="15" customHeight="1">
      <c r="B21" s="53">
        <v>8</v>
      </c>
      <c r="C21" s="34">
        <v>99131</v>
      </c>
      <c r="D21" s="59"/>
      <c r="E21" s="60"/>
      <c r="F21" s="60"/>
      <c r="G21" s="60"/>
      <c r="H21" s="60" t="s">
        <v>20</v>
      </c>
      <c r="I21" s="60"/>
      <c r="J21" s="60"/>
      <c r="K21" s="43"/>
      <c r="L21" s="43"/>
      <c r="M21" s="58"/>
      <c r="N21" s="17"/>
      <c r="O21" s="18"/>
    </row>
    <row r="22" spans="2:15" s="36" customFormat="1" ht="15" customHeight="1">
      <c r="B22" s="53"/>
      <c r="C22" s="34">
        <v>1081</v>
      </c>
      <c r="D22" s="54"/>
      <c r="E22" s="57"/>
      <c r="F22" s="57"/>
      <c r="G22" s="57" t="s">
        <v>21</v>
      </c>
      <c r="H22" s="56"/>
      <c r="I22" s="57"/>
      <c r="J22" s="57"/>
      <c r="K22" s="43"/>
      <c r="L22" s="43"/>
      <c r="M22" s="58"/>
      <c r="N22" s="17"/>
      <c r="O22" s="18"/>
    </row>
    <row r="23" spans="2:15" s="36" customFormat="1" ht="15" customHeight="1">
      <c r="B23" s="53">
        <v>9</v>
      </c>
      <c r="C23" s="34">
        <v>2041</v>
      </c>
      <c r="D23" s="54"/>
      <c r="E23" s="57"/>
      <c r="F23" s="57"/>
      <c r="G23" s="57"/>
      <c r="H23" s="57" t="s">
        <v>22</v>
      </c>
      <c r="I23" s="57"/>
      <c r="J23" s="57"/>
      <c r="K23" s="43"/>
      <c r="L23" s="43"/>
      <c r="M23" s="58"/>
      <c r="N23" s="17"/>
      <c r="O23" s="18"/>
    </row>
    <row r="24" spans="2:15" s="36" customFormat="1" ht="15" customHeight="1">
      <c r="B24" s="53">
        <v>10</v>
      </c>
      <c r="C24" s="34">
        <v>95491</v>
      </c>
      <c r="D24" s="59"/>
      <c r="E24" s="60"/>
      <c r="F24" s="60"/>
      <c r="G24" s="60"/>
      <c r="H24" s="60" t="s">
        <v>23</v>
      </c>
      <c r="I24" s="60"/>
      <c r="J24" s="60"/>
      <c r="K24" s="43"/>
      <c r="L24" s="43"/>
      <c r="M24" s="58"/>
      <c r="N24" s="17"/>
      <c r="O24" s="18"/>
    </row>
    <row r="25" spans="2:15" s="36" customFormat="1" ht="15" customHeight="1">
      <c r="B25" s="53"/>
      <c r="C25" s="34">
        <v>95493</v>
      </c>
      <c r="D25" s="54"/>
      <c r="E25" s="57"/>
      <c r="F25" s="57"/>
      <c r="G25" s="57"/>
      <c r="H25" s="57" t="s">
        <v>24</v>
      </c>
      <c r="I25" s="56"/>
      <c r="J25" s="57"/>
      <c r="K25" s="43"/>
      <c r="L25" s="43"/>
      <c r="M25" s="58"/>
      <c r="N25" s="17"/>
      <c r="O25" s="18"/>
    </row>
    <row r="26" spans="2:15" s="36" customFormat="1" ht="15" customHeight="1">
      <c r="B26" s="53">
        <v>11</v>
      </c>
      <c r="C26" s="34">
        <v>99085</v>
      </c>
      <c r="D26" s="54"/>
      <c r="E26" s="57"/>
      <c r="F26" s="57"/>
      <c r="G26" s="57"/>
      <c r="H26" s="57"/>
      <c r="I26" s="57" t="s">
        <v>25</v>
      </c>
      <c r="J26" s="57"/>
      <c r="K26" s="43"/>
      <c r="L26" s="43"/>
      <c r="M26" s="58"/>
      <c r="N26" s="17"/>
      <c r="O26" s="18"/>
    </row>
    <row r="27" spans="2:15" s="36" customFormat="1" ht="15" customHeight="1">
      <c r="B27" s="53">
        <v>12</v>
      </c>
      <c r="C27" s="34">
        <v>99086</v>
      </c>
      <c r="D27" s="59"/>
      <c r="E27" s="60"/>
      <c r="F27" s="60"/>
      <c r="G27" s="60"/>
      <c r="H27" s="60"/>
      <c r="I27" s="60" t="s">
        <v>26</v>
      </c>
      <c r="J27" s="60"/>
      <c r="K27" s="43"/>
      <c r="L27" s="43"/>
      <c r="M27" s="58"/>
      <c r="N27" s="17"/>
      <c r="O27" s="18"/>
    </row>
    <row r="28" spans="2:15" s="36" customFormat="1" ht="15" customHeight="1">
      <c r="B28" s="53">
        <v>13</v>
      </c>
      <c r="C28" s="34">
        <v>99087</v>
      </c>
      <c r="D28" s="54"/>
      <c r="E28" s="57"/>
      <c r="F28" s="57"/>
      <c r="G28" s="57"/>
      <c r="H28" s="57"/>
      <c r="I28" s="57" t="s">
        <v>27</v>
      </c>
      <c r="J28" s="57"/>
      <c r="K28" s="43"/>
      <c r="L28" s="43"/>
      <c r="M28" s="58"/>
      <c r="N28" s="17"/>
      <c r="O28" s="18"/>
    </row>
    <row r="29" spans="2:15" s="36" customFormat="1" ht="15" customHeight="1">
      <c r="B29" s="53">
        <v>14</v>
      </c>
      <c r="C29" s="34">
        <v>99088</v>
      </c>
      <c r="D29" s="59"/>
      <c r="E29" s="60"/>
      <c r="F29" s="60"/>
      <c r="G29" s="60"/>
      <c r="H29" s="60"/>
      <c r="I29" s="60" t="s">
        <v>28</v>
      </c>
      <c r="J29" s="60"/>
      <c r="K29" s="43"/>
      <c r="L29" s="43"/>
      <c r="M29" s="58"/>
      <c r="N29" s="17"/>
      <c r="O29" s="18"/>
    </row>
    <row r="30" spans="2:15" s="36" customFormat="1" ht="15" customHeight="1">
      <c r="B30" s="53">
        <v>15</v>
      </c>
      <c r="C30" s="34">
        <v>99089</v>
      </c>
      <c r="D30" s="54"/>
      <c r="E30" s="57"/>
      <c r="F30" s="57"/>
      <c r="G30" s="57"/>
      <c r="H30" s="57"/>
      <c r="I30" s="57" t="s">
        <v>29</v>
      </c>
      <c r="J30" s="57"/>
      <c r="K30" s="43"/>
      <c r="L30" s="43"/>
      <c r="M30" s="58"/>
      <c r="N30" s="17"/>
      <c r="O30" s="18"/>
    </row>
    <row r="31" spans="2:15" s="36" customFormat="1" ht="15" customHeight="1">
      <c r="B31" s="53">
        <v>16</v>
      </c>
      <c r="C31" s="34">
        <v>99090</v>
      </c>
      <c r="D31" s="59"/>
      <c r="E31" s="60"/>
      <c r="F31" s="60"/>
      <c r="G31" s="60"/>
      <c r="H31" s="60"/>
      <c r="I31" s="60" t="s">
        <v>30</v>
      </c>
      <c r="J31" s="60"/>
      <c r="K31" s="43"/>
      <c r="L31" s="43"/>
      <c r="M31" s="58"/>
      <c r="N31" s="17"/>
      <c r="O31" s="18"/>
    </row>
    <row r="32" spans="2:15" s="36" customFormat="1" ht="15" customHeight="1">
      <c r="B32" s="53">
        <v>17</v>
      </c>
      <c r="C32" s="34">
        <v>1686</v>
      </c>
      <c r="D32" s="54"/>
      <c r="E32" s="57"/>
      <c r="F32" s="57"/>
      <c r="G32" s="57" t="s">
        <v>31</v>
      </c>
      <c r="H32" s="57"/>
      <c r="I32" s="57"/>
      <c r="J32" s="57"/>
      <c r="K32" s="43"/>
      <c r="L32" s="43"/>
      <c r="M32" s="58"/>
      <c r="N32" s="17"/>
      <c r="O32" s="18"/>
    </row>
    <row r="33" spans="2:15" s="36" customFormat="1" ht="15" customHeight="1">
      <c r="B33" s="53"/>
      <c r="C33" s="34">
        <v>95483</v>
      </c>
      <c r="D33" s="59"/>
      <c r="E33" s="60"/>
      <c r="F33" s="60"/>
      <c r="G33" s="60" t="s">
        <v>32</v>
      </c>
      <c r="H33" s="56"/>
      <c r="I33" s="60"/>
      <c r="J33" s="60"/>
      <c r="K33" s="43"/>
      <c r="L33" s="43"/>
      <c r="M33" s="58"/>
      <c r="N33" s="17"/>
      <c r="O33" s="18"/>
    </row>
    <row r="34" spans="2:15" s="36" customFormat="1" ht="15" customHeight="1">
      <c r="B34" s="53">
        <v>18</v>
      </c>
      <c r="C34" s="34">
        <v>2248</v>
      </c>
      <c r="D34" s="59"/>
      <c r="E34" s="60"/>
      <c r="F34" s="60"/>
      <c r="G34" s="60"/>
      <c r="H34" s="60" t="s">
        <v>33</v>
      </c>
      <c r="I34" s="60"/>
      <c r="J34" s="60"/>
      <c r="K34" s="43"/>
      <c r="L34" s="43"/>
      <c r="M34" s="58"/>
      <c r="N34" s="17"/>
      <c r="O34" s="18"/>
    </row>
    <row r="35" spans="2:15" s="36" customFormat="1" ht="15" customHeight="1">
      <c r="B35" s="53"/>
      <c r="C35" s="34">
        <v>1464</v>
      </c>
      <c r="D35" s="54"/>
      <c r="E35" s="57"/>
      <c r="F35" s="57"/>
      <c r="G35" s="57"/>
      <c r="H35" s="57" t="s">
        <v>34</v>
      </c>
      <c r="I35" s="56"/>
      <c r="J35" s="57"/>
      <c r="K35" s="43"/>
      <c r="L35" s="43"/>
      <c r="M35" s="58"/>
      <c r="N35" s="17"/>
      <c r="O35" s="18"/>
    </row>
    <row r="36" spans="2:15" s="36" customFormat="1" ht="15" customHeight="1">
      <c r="B36" s="53">
        <v>19</v>
      </c>
      <c r="C36" s="34">
        <v>99069</v>
      </c>
      <c r="D36" s="54"/>
      <c r="E36" s="57"/>
      <c r="F36" s="57"/>
      <c r="G36" s="57"/>
      <c r="H36" s="57"/>
      <c r="I36" s="57" t="s">
        <v>35</v>
      </c>
      <c r="J36" s="57"/>
      <c r="K36" s="43"/>
      <c r="L36" s="43"/>
      <c r="M36" s="58"/>
      <c r="N36" s="17"/>
      <c r="O36" s="18"/>
    </row>
    <row r="37" spans="2:15" s="36" customFormat="1" ht="15" customHeight="1">
      <c r="B37" s="53"/>
      <c r="C37" s="34">
        <v>98723</v>
      </c>
      <c r="D37" s="59"/>
      <c r="E37" s="60"/>
      <c r="F37" s="60"/>
      <c r="G37" s="60"/>
      <c r="H37" s="60" t="s">
        <v>36</v>
      </c>
      <c r="I37" s="56"/>
      <c r="J37" s="60"/>
      <c r="K37" s="43"/>
      <c r="L37" s="43"/>
      <c r="M37" s="58"/>
      <c r="N37" s="17"/>
      <c r="O37" s="18"/>
    </row>
    <row r="38" spans="2:15" s="36" customFormat="1" ht="15" customHeight="1">
      <c r="B38" s="53">
        <v>20</v>
      </c>
      <c r="C38" s="34">
        <v>1208</v>
      </c>
      <c r="D38" s="59"/>
      <c r="E38" s="60"/>
      <c r="F38" s="60"/>
      <c r="G38" s="60"/>
      <c r="H38" s="60"/>
      <c r="I38" s="60" t="s">
        <v>37</v>
      </c>
      <c r="J38" s="60"/>
      <c r="K38" s="43"/>
      <c r="L38" s="43"/>
      <c r="M38" s="58"/>
      <c r="N38" s="17"/>
      <c r="O38" s="18"/>
    </row>
    <row r="39" spans="2:15" s="36" customFormat="1" ht="15" customHeight="1">
      <c r="B39" s="53">
        <v>21</v>
      </c>
      <c r="C39" s="34">
        <v>439</v>
      </c>
      <c r="D39" s="54"/>
      <c r="E39" s="57"/>
      <c r="F39" s="57"/>
      <c r="G39" s="57"/>
      <c r="H39" s="57"/>
      <c r="I39" s="57" t="s">
        <v>38</v>
      </c>
      <c r="J39" s="57"/>
      <c r="K39" s="43"/>
      <c r="L39" s="43"/>
      <c r="M39" s="58"/>
      <c r="N39" s="17"/>
      <c r="O39" s="18"/>
    </row>
    <row r="40" spans="2:15" s="36" customFormat="1" ht="15" customHeight="1">
      <c r="B40" s="53"/>
      <c r="C40" s="34">
        <v>98716</v>
      </c>
      <c r="D40" s="59"/>
      <c r="E40" s="60"/>
      <c r="F40" s="60"/>
      <c r="G40" s="60" t="s">
        <v>39</v>
      </c>
      <c r="H40" s="56"/>
      <c r="I40" s="56"/>
      <c r="J40" s="60"/>
      <c r="K40" s="43"/>
      <c r="L40" s="43"/>
      <c r="M40" s="58"/>
      <c r="N40" s="17"/>
      <c r="O40" s="18"/>
    </row>
    <row r="41" spans="2:15" s="36" customFormat="1" ht="15" customHeight="1">
      <c r="B41" s="53"/>
      <c r="C41" s="34">
        <v>450</v>
      </c>
      <c r="D41" s="59"/>
      <c r="E41" s="60"/>
      <c r="F41" s="60"/>
      <c r="G41" s="60"/>
      <c r="H41" s="60" t="s">
        <v>40</v>
      </c>
      <c r="I41" s="56"/>
      <c r="J41" s="60"/>
      <c r="K41" s="43"/>
      <c r="L41" s="43"/>
      <c r="M41" s="58"/>
      <c r="N41" s="17"/>
      <c r="O41" s="18"/>
    </row>
    <row r="42" spans="2:15" s="36" customFormat="1" ht="15" customHeight="1">
      <c r="B42" s="53">
        <v>22</v>
      </c>
      <c r="C42" s="34">
        <v>1666</v>
      </c>
      <c r="D42" s="59"/>
      <c r="E42" s="60"/>
      <c r="F42" s="60"/>
      <c r="G42" s="60"/>
      <c r="H42" s="60"/>
      <c r="I42" s="60" t="s">
        <v>41</v>
      </c>
      <c r="J42" s="60"/>
      <c r="K42" s="43"/>
      <c r="L42" s="43"/>
      <c r="M42" s="58"/>
      <c r="N42" s="17"/>
      <c r="O42" s="18"/>
    </row>
    <row r="43" spans="2:15" s="36" customFormat="1" ht="15" customHeight="1">
      <c r="B43" s="53">
        <v>23</v>
      </c>
      <c r="C43" s="34">
        <v>95854</v>
      </c>
      <c r="D43" s="54"/>
      <c r="E43" s="57"/>
      <c r="F43" s="57"/>
      <c r="G43" s="57"/>
      <c r="H43" s="57"/>
      <c r="I43" s="57" t="s">
        <v>42</v>
      </c>
      <c r="J43" s="57"/>
      <c r="K43" s="43"/>
      <c r="L43" s="43"/>
      <c r="M43" s="58"/>
      <c r="N43" s="17"/>
      <c r="O43" s="18"/>
    </row>
    <row r="44" spans="2:15" s="36" customFormat="1" ht="15" customHeight="1">
      <c r="B44" s="53">
        <v>24</v>
      </c>
      <c r="C44" s="34">
        <v>97548</v>
      </c>
      <c r="D44" s="59"/>
      <c r="E44" s="60"/>
      <c r="F44" s="60"/>
      <c r="G44" s="60"/>
      <c r="H44" s="60"/>
      <c r="I44" s="60" t="s">
        <v>43</v>
      </c>
      <c r="J44" s="60"/>
      <c r="K44" s="43"/>
      <c r="L44" s="43"/>
      <c r="M44" s="58"/>
      <c r="N44" s="17"/>
      <c r="O44" s="18"/>
    </row>
    <row r="45" spans="2:15" s="36" customFormat="1" ht="15" customHeight="1">
      <c r="B45" s="53">
        <v>25</v>
      </c>
      <c r="C45" s="34">
        <v>101063</v>
      </c>
      <c r="D45" s="54"/>
      <c r="E45" s="57"/>
      <c r="F45" s="57"/>
      <c r="G45" s="57"/>
      <c r="H45" s="57"/>
      <c r="I45" s="57" t="s">
        <v>44</v>
      </c>
      <c r="J45" s="57"/>
      <c r="K45" s="43"/>
      <c r="L45" s="43"/>
      <c r="M45" s="58"/>
      <c r="N45" s="17"/>
      <c r="O45" s="18"/>
    </row>
    <row r="46" spans="2:15" s="36" customFormat="1" ht="15" customHeight="1">
      <c r="B46" s="53">
        <v>26</v>
      </c>
      <c r="C46" s="34">
        <v>157769</v>
      </c>
      <c r="D46" s="59"/>
      <c r="E46" s="60"/>
      <c r="F46" s="60"/>
      <c r="G46" s="60"/>
      <c r="H46" s="60"/>
      <c r="I46" s="60" t="s">
        <v>45</v>
      </c>
      <c r="J46" s="60"/>
      <c r="K46" s="43"/>
      <c r="L46" s="43"/>
      <c r="M46" s="58"/>
      <c r="N46" s="17"/>
      <c r="O46" s="18"/>
    </row>
    <row r="47" spans="2:15" s="36" customFormat="1" ht="15" customHeight="1">
      <c r="B47" s="53">
        <v>27</v>
      </c>
      <c r="C47" s="34">
        <v>95443</v>
      </c>
      <c r="D47" s="54"/>
      <c r="E47" s="57"/>
      <c r="F47" s="57"/>
      <c r="G47" s="57"/>
      <c r="H47" s="57" t="s">
        <v>46</v>
      </c>
      <c r="I47" s="57"/>
      <c r="J47" s="57"/>
      <c r="K47" s="43"/>
      <c r="L47" s="43"/>
      <c r="M47" s="58"/>
      <c r="N47" s="17"/>
      <c r="O47" s="18"/>
    </row>
    <row r="48" spans="2:15" s="36" customFormat="1" ht="15" customHeight="1">
      <c r="B48" s="53"/>
      <c r="C48" s="34">
        <v>98717</v>
      </c>
      <c r="D48" s="59"/>
      <c r="E48" s="60"/>
      <c r="F48" s="60"/>
      <c r="G48" s="60" t="s">
        <v>47</v>
      </c>
      <c r="H48" s="56"/>
      <c r="I48" s="56"/>
      <c r="J48" s="60"/>
      <c r="K48" s="43"/>
      <c r="L48" s="43"/>
      <c r="M48" s="58"/>
      <c r="N48" s="17"/>
      <c r="O48" s="18"/>
    </row>
    <row r="49" spans="2:15" s="36" customFormat="1" ht="15" customHeight="1">
      <c r="B49" s="53"/>
      <c r="C49" s="34">
        <v>2445</v>
      </c>
      <c r="D49" s="59"/>
      <c r="E49" s="60"/>
      <c r="F49" s="60"/>
      <c r="G49" s="60"/>
      <c r="H49" s="60" t="s">
        <v>48</v>
      </c>
      <c r="I49" s="56"/>
      <c r="J49" s="60"/>
      <c r="K49" s="43"/>
      <c r="L49" s="43"/>
      <c r="M49" s="58"/>
      <c r="N49" s="17"/>
      <c r="O49" s="18"/>
    </row>
    <row r="50" spans="2:15" s="36" customFormat="1" ht="15" customHeight="1">
      <c r="B50" s="53">
        <v>28</v>
      </c>
      <c r="C50" s="34">
        <v>3303</v>
      </c>
      <c r="D50" s="59"/>
      <c r="E50" s="60"/>
      <c r="F50" s="60"/>
      <c r="G50" s="60"/>
      <c r="H50" s="60"/>
      <c r="I50" s="60" t="s">
        <v>49</v>
      </c>
      <c r="J50" s="60"/>
      <c r="K50" s="43"/>
      <c r="L50" s="43"/>
      <c r="M50" s="58"/>
      <c r="N50" s="17"/>
      <c r="O50" s="18"/>
    </row>
    <row r="51" spans="2:15" s="36" customFormat="1" ht="15" customHeight="1">
      <c r="B51" s="53">
        <v>29</v>
      </c>
      <c r="C51" s="34">
        <v>3384</v>
      </c>
      <c r="D51" s="54"/>
      <c r="E51" s="57"/>
      <c r="F51" s="57"/>
      <c r="G51" s="57"/>
      <c r="H51" s="57"/>
      <c r="I51" s="57" t="s">
        <v>50</v>
      </c>
      <c r="J51" s="57"/>
      <c r="K51" s="43"/>
      <c r="L51" s="43"/>
      <c r="M51" s="58"/>
      <c r="N51" s="17"/>
      <c r="O51" s="18"/>
    </row>
    <row r="52" spans="2:15" s="36" customFormat="1" ht="15" customHeight="1">
      <c r="B52" s="53"/>
      <c r="C52" s="34">
        <v>1138</v>
      </c>
      <c r="D52" s="59"/>
      <c r="E52" s="60"/>
      <c r="F52" s="60"/>
      <c r="G52" s="60"/>
      <c r="H52" s="60"/>
      <c r="I52" s="60" t="s">
        <v>51</v>
      </c>
      <c r="J52" s="56"/>
      <c r="K52" s="43"/>
      <c r="L52" s="43"/>
      <c r="M52" s="58"/>
      <c r="N52" s="17"/>
      <c r="O52" s="18"/>
    </row>
    <row r="53" spans="2:15" s="36" customFormat="1" ht="15" customHeight="1">
      <c r="B53" s="53">
        <v>30</v>
      </c>
      <c r="C53" s="34">
        <v>99049</v>
      </c>
      <c r="D53" s="59"/>
      <c r="E53" s="60"/>
      <c r="F53" s="60"/>
      <c r="G53" s="60"/>
      <c r="H53" s="60"/>
      <c r="I53" s="60"/>
      <c r="J53" s="60" t="s">
        <v>52</v>
      </c>
      <c r="K53" s="43"/>
      <c r="L53" s="43"/>
      <c r="M53" s="58"/>
      <c r="N53" s="17"/>
      <c r="O53" s="18"/>
    </row>
    <row r="54" spans="2:15" s="36" customFormat="1" ht="15" customHeight="1">
      <c r="B54" s="53">
        <v>31</v>
      </c>
      <c r="C54" s="34">
        <v>99050</v>
      </c>
      <c r="D54" s="54"/>
      <c r="E54" s="57"/>
      <c r="F54" s="57"/>
      <c r="G54" s="57"/>
      <c r="H54" s="57"/>
      <c r="I54" s="57"/>
      <c r="J54" s="57" t="s">
        <v>53</v>
      </c>
      <c r="K54" s="43"/>
      <c r="L54" s="43"/>
      <c r="M54" s="58"/>
      <c r="N54" s="17"/>
      <c r="O54" s="18"/>
    </row>
    <row r="55" spans="2:15" s="36" customFormat="1" ht="15" customHeight="1">
      <c r="B55" s="53">
        <v>32</v>
      </c>
      <c r="C55" s="34">
        <v>1207</v>
      </c>
      <c r="D55" s="59"/>
      <c r="E55" s="60"/>
      <c r="F55" s="60"/>
      <c r="G55" s="60"/>
      <c r="H55" s="60"/>
      <c r="I55" s="60" t="s">
        <v>54</v>
      </c>
      <c r="J55" s="60"/>
      <c r="K55" s="43"/>
      <c r="L55" s="43"/>
      <c r="M55" s="58"/>
      <c r="N55" s="17"/>
      <c r="O55" s="18"/>
    </row>
    <row r="56" spans="2:15" s="36" customFormat="1" ht="15" customHeight="1">
      <c r="B56" s="53">
        <v>33</v>
      </c>
      <c r="C56" s="34">
        <v>2037</v>
      </c>
      <c r="D56" s="54"/>
      <c r="E56" s="57"/>
      <c r="F56" s="57"/>
      <c r="G56" s="57"/>
      <c r="H56" s="57"/>
      <c r="I56" s="57" t="s">
        <v>55</v>
      </c>
      <c r="J56" s="57"/>
      <c r="K56" s="43"/>
      <c r="L56" s="43"/>
      <c r="M56" s="58"/>
      <c r="N56" s="17"/>
      <c r="O56" s="18"/>
    </row>
    <row r="57" spans="2:15" s="36" customFormat="1" ht="15" customHeight="1">
      <c r="B57" s="53"/>
      <c r="C57" s="34">
        <v>2452</v>
      </c>
      <c r="D57" s="59"/>
      <c r="E57" s="60"/>
      <c r="F57" s="60"/>
      <c r="G57" s="60"/>
      <c r="H57" s="60" t="s">
        <v>56</v>
      </c>
      <c r="I57" s="56"/>
      <c r="J57" s="56"/>
      <c r="K57" s="43"/>
      <c r="L57" s="43"/>
      <c r="M57" s="58"/>
      <c r="N57" s="17"/>
      <c r="O57" s="18"/>
    </row>
    <row r="58" spans="2:15" s="36" customFormat="1" ht="15" customHeight="1">
      <c r="B58" s="53"/>
      <c r="C58" s="34">
        <v>3426</v>
      </c>
      <c r="D58" s="59"/>
      <c r="E58" s="60"/>
      <c r="F58" s="60"/>
      <c r="G58" s="60"/>
      <c r="H58" s="60"/>
      <c r="I58" s="60" t="s">
        <v>57</v>
      </c>
      <c r="J58" s="56"/>
      <c r="K58" s="43"/>
      <c r="L58" s="43"/>
      <c r="M58" s="58"/>
      <c r="N58" s="17"/>
      <c r="O58" s="18"/>
    </row>
    <row r="59" spans="2:15" s="36" customFormat="1" ht="15" customHeight="1">
      <c r="B59" s="53">
        <v>34</v>
      </c>
      <c r="C59" s="34">
        <v>99043</v>
      </c>
      <c r="D59" s="59"/>
      <c r="E59" s="60"/>
      <c r="F59" s="60"/>
      <c r="G59" s="60"/>
      <c r="H59" s="60"/>
      <c r="I59" s="60"/>
      <c r="J59" s="60" t="s">
        <v>58</v>
      </c>
      <c r="K59" s="43"/>
      <c r="L59" s="43"/>
      <c r="M59" s="58"/>
      <c r="N59" s="17"/>
      <c r="O59" s="18"/>
    </row>
    <row r="60" spans="2:15" s="36" customFormat="1" ht="15" customHeight="1">
      <c r="B60" s="53">
        <v>35</v>
      </c>
      <c r="C60" s="34">
        <v>99044</v>
      </c>
      <c r="D60" s="54"/>
      <c r="E60" s="57"/>
      <c r="F60" s="57"/>
      <c r="G60" s="57"/>
      <c r="H60" s="57"/>
      <c r="I60" s="57"/>
      <c r="J60" s="57" t="s">
        <v>59</v>
      </c>
      <c r="K60" s="43"/>
      <c r="L60" s="43"/>
      <c r="M60" s="58"/>
      <c r="N60" s="17"/>
      <c r="O60" s="18"/>
    </row>
    <row r="61" spans="2:15" s="36" customFormat="1" ht="15" customHeight="1">
      <c r="B61" s="53">
        <v>36</v>
      </c>
      <c r="C61" s="34">
        <v>99045</v>
      </c>
      <c r="D61" s="59"/>
      <c r="E61" s="60"/>
      <c r="F61" s="60"/>
      <c r="G61" s="60"/>
      <c r="H61" s="60"/>
      <c r="I61" s="60"/>
      <c r="J61" s="60" t="s">
        <v>60</v>
      </c>
      <c r="K61" s="43"/>
      <c r="L61" s="43"/>
      <c r="M61" s="58"/>
      <c r="N61" s="17"/>
      <c r="O61" s="18"/>
    </row>
    <row r="62" spans="2:15" s="36" customFormat="1" ht="15" customHeight="1">
      <c r="B62" s="53">
        <v>37</v>
      </c>
      <c r="C62" s="34">
        <v>99046</v>
      </c>
      <c r="D62" s="54"/>
      <c r="E62" s="57"/>
      <c r="F62" s="57"/>
      <c r="G62" s="57"/>
      <c r="H62" s="57"/>
      <c r="I62" s="57"/>
      <c r="J62" s="57" t="s">
        <v>61</v>
      </c>
      <c r="K62" s="43"/>
      <c r="L62" s="43"/>
      <c r="M62" s="58"/>
      <c r="N62" s="17"/>
      <c r="O62" s="18"/>
    </row>
    <row r="63" spans="2:15" s="36" customFormat="1" ht="15" customHeight="1">
      <c r="B63" s="53">
        <v>38</v>
      </c>
      <c r="C63" s="34">
        <v>99047</v>
      </c>
      <c r="D63" s="59"/>
      <c r="E63" s="60"/>
      <c r="F63" s="60"/>
      <c r="G63" s="60"/>
      <c r="H63" s="60"/>
      <c r="I63" s="60"/>
      <c r="J63" s="60" t="s">
        <v>62</v>
      </c>
      <c r="K63" s="43"/>
      <c r="L63" s="43"/>
      <c r="M63" s="58"/>
      <c r="N63" s="17"/>
      <c r="O63" s="18"/>
    </row>
    <row r="64" spans="2:15" s="36" customFormat="1" ht="15" customHeight="1">
      <c r="B64" s="53">
        <v>39</v>
      </c>
      <c r="C64" s="34">
        <v>101042</v>
      </c>
      <c r="D64" s="54"/>
      <c r="E64" s="57"/>
      <c r="F64" s="57"/>
      <c r="G64" s="57"/>
      <c r="H64" s="57"/>
      <c r="I64" s="57"/>
      <c r="J64" s="57" t="s">
        <v>63</v>
      </c>
      <c r="K64" s="43"/>
      <c r="L64" s="43"/>
      <c r="M64" s="58"/>
      <c r="N64" s="17"/>
      <c r="O64" s="18"/>
    </row>
    <row r="65" spans="2:15" s="36" customFormat="1" ht="15" customHeight="1">
      <c r="B65" s="53">
        <v>40</v>
      </c>
      <c r="C65" s="34">
        <v>3427</v>
      </c>
      <c r="D65" s="59"/>
      <c r="E65" s="60"/>
      <c r="F65" s="60"/>
      <c r="G65" s="60"/>
      <c r="H65" s="60"/>
      <c r="I65" s="60" t="s">
        <v>64</v>
      </c>
      <c r="J65" s="60"/>
      <c r="K65" s="43"/>
      <c r="L65" s="43"/>
      <c r="M65" s="58"/>
      <c r="N65" s="17"/>
      <c r="O65" s="18"/>
    </row>
    <row r="66" spans="2:15" s="36" customFormat="1" ht="15" customHeight="1">
      <c r="B66" s="53"/>
      <c r="C66" s="34">
        <v>98718</v>
      </c>
      <c r="D66" s="54"/>
      <c r="E66" s="57"/>
      <c r="F66" s="57"/>
      <c r="G66" s="57"/>
      <c r="H66" s="57" t="s">
        <v>65</v>
      </c>
      <c r="I66" s="56"/>
      <c r="J66" s="57"/>
      <c r="K66" s="43"/>
      <c r="L66" s="43"/>
      <c r="M66" s="58"/>
      <c r="N66" s="17"/>
      <c r="O66" s="18"/>
    </row>
    <row r="67" spans="2:15" s="36" customFormat="1" ht="15" customHeight="1">
      <c r="B67" s="53">
        <v>41</v>
      </c>
      <c r="C67" s="34">
        <v>3193</v>
      </c>
      <c r="D67" s="54"/>
      <c r="E67" s="57"/>
      <c r="F67" s="57"/>
      <c r="G67" s="57"/>
      <c r="H67" s="57"/>
      <c r="I67" s="57" t="s">
        <v>66</v>
      </c>
      <c r="J67" s="57"/>
      <c r="K67" s="43"/>
      <c r="L67" s="43"/>
      <c r="M67" s="58"/>
      <c r="N67" s="17"/>
      <c r="O67" s="18"/>
    </row>
    <row r="68" spans="2:15" s="36" customFormat="1" ht="15" customHeight="1">
      <c r="B68" s="53"/>
      <c r="C68" s="34">
        <v>1457</v>
      </c>
      <c r="D68" s="59"/>
      <c r="E68" s="60"/>
      <c r="F68" s="60"/>
      <c r="G68" s="60"/>
      <c r="H68" s="60"/>
      <c r="I68" s="60" t="s">
        <v>68</v>
      </c>
      <c r="J68" s="56"/>
      <c r="K68" s="43"/>
      <c r="L68" s="43"/>
      <c r="M68" s="58"/>
      <c r="N68" s="17"/>
      <c r="O68" s="18"/>
    </row>
    <row r="69" spans="2:15" s="36" customFormat="1" ht="15" customHeight="1">
      <c r="B69" s="53">
        <v>42</v>
      </c>
      <c r="C69" s="34">
        <v>1455</v>
      </c>
      <c r="D69" s="59"/>
      <c r="E69" s="60"/>
      <c r="F69" s="60"/>
      <c r="G69" s="60"/>
      <c r="H69" s="60"/>
      <c r="I69" s="60"/>
      <c r="J69" s="60" t="s">
        <v>67</v>
      </c>
      <c r="K69" s="43"/>
      <c r="L69" s="43"/>
      <c r="M69" s="58"/>
      <c r="N69" s="17"/>
      <c r="O69" s="18"/>
    </row>
    <row r="70" spans="2:15" s="36" customFormat="1" ht="15" customHeight="1">
      <c r="B70" s="53">
        <v>43</v>
      </c>
      <c r="C70" s="34">
        <v>1456</v>
      </c>
      <c r="D70" s="54"/>
      <c r="E70" s="57"/>
      <c r="F70" s="57"/>
      <c r="G70" s="57"/>
      <c r="H70" s="57"/>
      <c r="I70" s="57"/>
      <c r="J70" s="57" t="s">
        <v>69</v>
      </c>
      <c r="K70" s="43"/>
      <c r="L70" s="43"/>
      <c r="M70" s="58"/>
      <c r="N70" s="17"/>
      <c r="O70" s="18"/>
    </row>
    <row r="71" spans="2:15" s="36" customFormat="1" ht="15" customHeight="1">
      <c r="B71" s="53">
        <v>44</v>
      </c>
      <c r="C71" s="34">
        <v>2299</v>
      </c>
      <c r="D71" s="59"/>
      <c r="E71" s="60"/>
      <c r="F71" s="60"/>
      <c r="G71" s="60"/>
      <c r="H71" s="60"/>
      <c r="I71" s="60" t="s">
        <v>70</v>
      </c>
      <c r="J71" s="60"/>
      <c r="K71" s="43"/>
      <c r="L71" s="43"/>
      <c r="M71" s="58"/>
      <c r="N71" s="17"/>
      <c r="O71" s="18"/>
    </row>
    <row r="72" spans="2:15" s="36" customFormat="1" ht="15" customHeight="1">
      <c r="B72" s="53"/>
      <c r="C72" s="34">
        <v>3092</v>
      </c>
      <c r="D72" s="54"/>
      <c r="E72" s="57"/>
      <c r="F72" s="57"/>
      <c r="G72" s="57"/>
      <c r="H72" s="57"/>
      <c r="I72" s="57" t="s">
        <v>71</v>
      </c>
      <c r="J72" s="56"/>
      <c r="K72" s="43"/>
      <c r="L72" s="43"/>
      <c r="M72" s="58"/>
      <c r="N72" s="17"/>
      <c r="O72" s="18"/>
    </row>
    <row r="73" spans="2:15" s="36" customFormat="1" ht="15" customHeight="1">
      <c r="B73" s="53">
        <v>45</v>
      </c>
      <c r="C73" s="34">
        <v>99051</v>
      </c>
      <c r="D73" s="54"/>
      <c r="E73" s="57"/>
      <c r="F73" s="57"/>
      <c r="G73" s="57"/>
      <c r="H73" s="57"/>
      <c r="I73" s="57"/>
      <c r="J73" s="57" t="s">
        <v>72</v>
      </c>
      <c r="K73" s="43"/>
      <c r="L73" s="43"/>
      <c r="M73" s="58"/>
      <c r="N73" s="17"/>
      <c r="O73" s="18"/>
    </row>
    <row r="74" spans="2:15" s="36" customFormat="1" ht="15" customHeight="1">
      <c r="B74" s="53">
        <v>46</v>
      </c>
      <c r="C74" s="34">
        <v>99052</v>
      </c>
      <c r="D74" s="59"/>
      <c r="E74" s="60"/>
      <c r="F74" s="60"/>
      <c r="G74" s="60"/>
      <c r="H74" s="60"/>
      <c r="I74" s="60"/>
      <c r="J74" s="60" t="s">
        <v>73</v>
      </c>
      <c r="K74" s="43"/>
      <c r="L74" s="43"/>
      <c r="M74" s="58"/>
      <c r="N74" s="17"/>
      <c r="O74" s="18"/>
    </row>
    <row r="75" spans="2:15" s="36" customFormat="1" ht="15" customHeight="1">
      <c r="B75" s="53">
        <v>47</v>
      </c>
      <c r="C75" s="34">
        <v>99053</v>
      </c>
      <c r="D75" s="54"/>
      <c r="E75" s="57"/>
      <c r="F75" s="57"/>
      <c r="G75" s="57"/>
      <c r="H75" s="57"/>
      <c r="I75" s="57"/>
      <c r="J75" s="57" t="s">
        <v>74</v>
      </c>
      <c r="K75" s="43"/>
      <c r="L75" s="43"/>
      <c r="M75" s="58"/>
      <c r="N75" s="17"/>
      <c r="O75" s="18"/>
    </row>
    <row r="76" spans="2:15" s="36" customFormat="1" ht="15" customHeight="1">
      <c r="B76" s="53"/>
      <c r="C76" s="34">
        <v>3093</v>
      </c>
      <c r="D76" s="59"/>
      <c r="E76" s="60"/>
      <c r="F76" s="60"/>
      <c r="G76" s="60"/>
      <c r="H76" s="60"/>
      <c r="I76" s="60" t="s">
        <v>75</v>
      </c>
      <c r="J76" s="56"/>
      <c r="K76" s="43"/>
      <c r="L76" s="43"/>
      <c r="M76" s="58"/>
      <c r="N76" s="17"/>
      <c r="O76" s="18"/>
    </row>
    <row r="77" spans="2:15" s="36" customFormat="1" ht="15" customHeight="1">
      <c r="B77" s="53">
        <v>48</v>
      </c>
      <c r="C77" s="34">
        <v>95448</v>
      </c>
      <c r="D77" s="59"/>
      <c r="E77" s="60"/>
      <c r="F77" s="60"/>
      <c r="G77" s="60"/>
      <c r="H77" s="60"/>
      <c r="I77" s="60"/>
      <c r="J77" s="60" t="s">
        <v>76</v>
      </c>
      <c r="K77" s="43"/>
      <c r="L77" s="43"/>
      <c r="M77" s="58"/>
      <c r="N77" s="17"/>
      <c r="O77" s="18"/>
    </row>
    <row r="78" spans="2:15" s="36" customFormat="1" ht="15" customHeight="1">
      <c r="B78" s="53">
        <v>49</v>
      </c>
      <c r="C78" s="34">
        <v>101043</v>
      </c>
      <c r="D78" s="54"/>
      <c r="E78" s="57"/>
      <c r="F78" s="57"/>
      <c r="G78" s="57"/>
      <c r="H78" s="57"/>
      <c r="I78" s="57"/>
      <c r="J78" s="57" t="s">
        <v>77</v>
      </c>
      <c r="K78" s="43"/>
      <c r="L78" s="43"/>
      <c r="M78" s="58"/>
      <c r="N78" s="17"/>
      <c r="O78" s="18"/>
    </row>
    <row r="79" spans="2:15" s="36" customFormat="1" ht="15" customHeight="1">
      <c r="B79" s="53">
        <v>50</v>
      </c>
      <c r="C79" s="34">
        <v>95449</v>
      </c>
      <c r="D79" s="59"/>
      <c r="E79" s="60"/>
      <c r="F79" s="60"/>
      <c r="G79" s="60"/>
      <c r="H79" s="60"/>
      <c r="I79" s="60" t="s">
        <v>78</v>
      </c>
      <c r="J79" s="60"/>
      <c r="K79" s="43"/>
      <c r="L79" s="43"/>
      <c r="M79" s="58"/>
      <c r="N79" s="17"/>
      <c r="O79" s="18"/>
    </row>
    <row r="80" spans="2:15" s="36" customFormat="1" ht="15" customHeight="1">
      <c r="B80" s="53"/>
      <c r="C80" s="34">
        <v>98719</v>
      </c>
      <c r="D80" s="54"/>
      <c r="E80" s="57"/>
      <c r="F80" s="57"/>
      <c r="G80" s="57"/>
      <c r="H80" s="57" t="s">
        <v>79</v>
      </c>
      <c r="I80" s="56"/>
      <c r="J80" s="57"/>
      <c r="K80" s="43"/>
      <c r="L80" s="43"/>
      <c r="M80" s="58"/>
      <c r="N80" s="17"/>
      <c r="O80" s="18"/>
    </row>
    <row r="81" spans="2:15" s="36" customFormat="1" ht="15" customHeight="1">
      <c r="B81" s="53">
        <v>51</v>
      </c>
      <c r="C81" s="34">
        <v>1208</v>
      </c>
      <c r="D81" s="54"/>
      <c r="E81" s="57"/>
      <c r="F81" s="57"/>
      <c r="G81" s="57"/>
      <c r="H81" s="57"/>
      <c r="I81" s="57" t="s">
        <v>37</v>
      </c>
      <c r="J81" s="57"/>
      <c r="K81" s="43"/>
      <c r="L81" s="43"/>
      <c r="M81" s="58"/>
      <c r="N81" s="17"/>
      <c r="O81" s="18"/>
    </row>
    <row r="82" spans="2:15" s="36" customFormat="1" ht="15" customHeight="1">
      <c r="B82" s="53"/>
      <c r="C82" s="34">
        <v>982</v>
      </c>
      <c r="D82" s="59"/>
      <c r="E82" s="60"/>
      <c r="F82" s="60"/>
      <c r="G82" s="60"/>
      <c r="H82" s="60"/>
      <c r="I82" s="60" t="s">
        <v>80</v>
      </c>
      <c r="J82" s="56"/>
      <c r="K82" s="43"/>
      <c r="L82" s="43"/>
      <c r="M82" s="58"/>
      <c r="N82" s="17"/>
      <c r="O82" s="18"/>
    </row>
    <row r="83" spans="2:15" s="36" customFormat="1" ht="15" customHeight="1">
      <c r="B83" s="53">
        <v>52</v>
      </c>
      <c r="C83" s="34">
        <v>99048</v>
      </c>
      <c r="D83" s="59"/>
      <c r="E83" s="60"/>
      <c r="F83" s="60"/>
      <c r="G83" s="60"/>
      <c r="H83" s="60"/>
      <c r="I83" s="60"/>
      <c r="J83" s="60" t="s">
        <v>81</v>
      </c>
      <c r="K83" s="43"/>
      <c r="L83" s="43"/>
      <c r="M83" s="58"/>
      <c r="N83" s="17"/>
      <c r="O83" s="18"/>
    </row>
    <row r="84" spans="2:15" s="36" customFormat="1" ht="15" customHeight="1">
      <c r="B84" s="53">
        <v>53</v>
      </c>
      <c r="C84" s="34">
        <v>101206</v>
      </c>
      <c r="D84" s="54"/>
      <c r="E84" s="57"/>
      <c r="F84" s="57"/>
      <c r="G84" s="57"/>
      <c r="H84" s="57"/>
      <c r="I84" s="57"/>
      <c r="J84" s="57" t="s">
        <v>82</v>
      </c>
      <c r="K84" s="43"/>
      <c r="L84" s="43"/>
      <c r="M84" s="58"/>
      <c r="N84" s="17"/>
      <c r="O84" s="18"/>
    </row>
    <row r="85" spans="2:15" s="36" customFormat="1" ht="15" customHeight="1">
      <c r="B85" s="53">
        <v>54</v>
      </c>
      <c r="C85" s="34">
        <v>980</v>
      </c>
      <c r="D85" s="59"/>
      <c r="E85" s="60"/>
      <c r="F85" s="60"/>
      <c r="G85" s="60"/>
      <c r="H85" s="60"/>
      <c r="I85" s="60" t="s">
        <v>83</v>
      </c>
      <c r="J85" s="60"/>
      <c r="K85" s="43"/>
      <c r="L85" s="43"/>
      <c r="M85" s="58"/>
      <c r="N85" s="17"/>
      <c r="O85" s="18"/>
    </row>
    <row r="86" spans="2:15" s="36" customFormat="1" ht="15" customHeight="1">
      <c r="B86" s="53"/>
      <c r="C86" s="34">
        <v>3189</v>
      </c>
      <c r="D86" s="54"/>
      <c r="E86" s="57"/>
      <c r="F86" s="57"/>
      <c r="G86" s="57"/>
      <c r="H86" s="57"/>
      <c r="I86" s="57" t="s">
        <v>84</v>
      </c>
      <c r="J86" s="56"/>
      <c r="K86" s="43"/>
      <c r="L86" s="43"/>
      <c r="M86" s="58"/>
      <c r="N86" s="17"/>
      <c r="O86" s="18"/>
    </row>
    <row r="87" spans="2:15" s="36" customFormat="1" ht="15" customHeight="1">
      <c r="B87" s="53">
        <v>55</v>
      </c>
      <c r="C87" s="34">
        <v>3190</v>
      </c>
      <c r="D87" s="54"/>
      <c r="E87" s="57"/>
      <c r="F87" s="57"/>
      <c r="G87" s="57"/>
      <c r="H87" s="57"/>
      <c r="I87" s="57"/>
      <c r="J87" s="57" t="s">
        <v>85</v>
      </c>
      <c r="K87" s="43"/>
      <c r="L87" s="43"/>
      <c r="M87" s="58"/>
      <c r="N87" s="17"/>
      <c r="O87" s="18"/>
    </row>
    <row r="88" spans="2:15" s="36" customFormat="1" ht="15" customHeight="1">
      <c r="B88" s="53">
        <v>56</v>
      </c>
      <c r="C88" s="34">
        <v>3192</v>
      </c>
      <c r="D88" s="59"/>
      <c r="E88" s="60"/>
      <c r="F88" s="60"/>
      <c r="G88" s="60"/>
      <c r="H88" s="60"/>
      <c r="I88" s="60"/>
      <c r="J88" s="60" t="s">
        <v>86</v>
      </c>
      <c r="K88" s="43"/>
      <c r="L88" s="43"/>
      <c r="M88" s="58"/>
      <c r="N88" s="17"/>
      <c r="O88" s="18"/>
    </row>
    <row r="89" spans="2:15" s="36" customFormat="1" ht="15" customHeight="1">
      <c r="B89" s="53">
        <v>57</v>
      </c>
      <c r="C89" s="34">
        <v>99054</v>
      </c>
      <c r="D89" s="54"/>
      <c r="E89" s="57"/>
      <c r="F89" s="57"/>
      <c r="G89" s="57"/>
      <c r="H89" s="57"/>
      <c r="I89" s="57"/>
      <c r="J89" s="57" t="s">
        <v>87</v>
      </c>
      <c r="K89" s="43"/>
      <c r="L89" s="43"/>
      <c r="M89" s="58"/>
      <c r="N89" s="17"/>
      <c r="O89" s="18"/>
    </row>
    <row r="90" spans="2:15" s="36" customFormat="1" ht="15" customHeight="1">
      <c r="B90" s="53">
        <v>58</v>
      </c>
      <c r="C90" s="34">
        <v>3192</v>
      </c>
      <c r="D90" s="59"/>
      <c r="E90" s="60"/>
      <c r="F90" s="60"/>
      <c r="G90" s="60"/>
      <c r="H90" s="60"/>
      <c r="I90" s="60" t="s">
        <v>86</v>
      </c>
      <c r="J90" s="60"/>
      <c r="K90" s="43"/>
      <c r="L90" s="43"/>
      <c r="M90" s="58"/>
      <c r="N90" s="17"/>
      <c r="O90" s="18"/>
    </row>
    <row r="91" spans="2:15" s="36" customFormat="1" ht="15" customHeight="1">
      <c r="B91" s="53">
        <v>59</v>
      </c>
      <c r="C91" s="34">
        <v>99083</v>
      </c>
      <c r="D91" s="54"/>
      <c r="E91" s="57"/>
      <c r="F91" s="57"/>
      <c r="G91" s="57"/>
      <c r="H91" s="57"/>
      <c r="I91" s="57" t="s">
        <v>88</v>
      </c>
      <c r="J91" s="57"/>
      <c r="K91" s="43"/>
      <c r="L91" s="43"/>
      <c r="M91" s="58"/>
      <c r="N91" s="17"/>
      <c r="O91" s="18"/>
    </row>
    <row r="92" spans="2:15" s="36" customFormat="1" ht="15" customHeight="1">
      <c r="B92" s="53"/>
      <c r="C92" s="34">
        <v>216675</v>
      </c>
      <c r="D92" s="59"/>
      <c r="E92" s="60"/>
      <c r="F92" s="60"/>
      <c r="G92" s="60"/>
      <c r="H92" s="60" t="s">
        <v>89</v>
      </c>
      <c r="I92" s="56"/>
      <c r="J92" s="56"/>
      <c r="K92" s="43"/>
      <c r="L92" s="43"/>
      <c r="M92" s="58"/>
      <c r="N92" s="17"/>
      <c r="O92" s="18"/>
    </row>
    <row r="93" spans="2:15" s="36" customFormat="1" ht="15" customHeight="1">
      <c r="B93" s="53"/>
      <c r="C93" s="34">
        <v>860</v>
      </c>
      <c r="D93" s="59"/>
      <c r="E93" s="60"/>
      <c r="F93" s="60"/>
      <c r="G93" s="60"/>
      <c r="H93" s="60"/>
      <c r="I93" s="60" t="s">
        <v>90</v>
      </c>
      <c r="J93" s="56"/>
      <c r="K93" s="43"/>
      <c r="L93" s="43"/>
      <c r="M93" s="58"/>
      <c r="N93" s="17"/>
      <c r="O93" s="18"/>
    </row>
    <row r="94" spans="2:15" s="36" customFormat="1" ht="15" customHeight="1">
      <c r="B94" s="53">
        <v>60</v>
      </c>
      <c r="C94" s="34">
        <v>216718</v>
      </c>
      <c r="D94" s="59"/>
      <c r="E94" s="60"/>
      <c r="F94" s="60"/>
      <c r="G94" s="60"/>
      <c r="H94" s="60"/>
      <c r="I94" s="60"/>
      <c r="J94" s="60" t="s">
        <v>91</v>
      </c>
      <c r="K94" s="43"/>
      <c r="L94" s="43"/>
      <c r="M94" s="58"/>
      <c r="N94" s="17"/>
      <c r="O94" s="18"/>
    </row>
    <row r="95" spans="2:15" s="36" customFormat="1" ht="15" customHeight="1">
      <c r="B95" s="53">
        <v>61</v>
      </c>
      <c r="C95" s="34">
        <v>216729</v>
      </c>
      <c r="D95" s="54"/>
      <c r="E95" s="57"/>
      <c r="F95" s="57"/>
      <c r="G95" s="57"/>
      <c r="H95" s="57"/>
      <c r="I95" s="57"/>
      <c r="J95" s="57" t="s">
        <v>92</v>
      </c>
      <c r="K95" s="43"/>
      <c r="L95" s="43"/>
      <c r="M95" s="58"/>
      <c r="N95" s="17"/>
      <c r="O95" s="18"/>
    </row>
    <row r="96" spans="2:15" s="36" customFormat="1" ht="15" customHeight="1">
      <c r="B96" s="53">
        <v>62</v>
      </c>
      <c r="C96" s="34">
        <v>99042</v>
      </c>
      <c r="D96" s="59"/>
      <c r="E96" s="60"/>
      <c r="F96" s="60"/>
      <c r="G96" s="60"/>
      <c r="H96" s="60"/>
      <c r="I96" s="60"/>
      <c r="J96" s="60" t="s">
        <v>93</v>
      </c>
      <c r="K96" s="43"/>
      <c r="L96" s="43"/>
      <c r="M96" s="58"/>
      <c r="N96" s="17"/>
      <c r="O96" s="18"/>
    </row>
    <row r="97" spans="2:15" s="36" customFormat="1" ht="15" customHeight="1">
      <c r="B97" s="53">
        <v>63</v>
      </c>
      <c r="C97" s="34">
        <v>216694</v>
      </c>
      <c r="D97" s="54"/>
      <c r="E97" s="57"/>
      <c r="F97" s="57"/>
      <c r="G97" s="57"/>
      <c r="H97" s="57"/>
      <c r="I97" s="57" t="s">
        <v>94</v>
      </c>
      <c r="J97" s="57"/>
      <c r="K97" s="43"/>
      <c r="L97" s="43"/>
      <c r="M97" s="58"/>
      <c r="N97" s="17"/>
      <c r="O97" s="18"/>
    </row>
    <row r="98" spans="2:15" s="36" customFormat="1" ht="15" customHeight="1">
      <c r="B98" s="53"/>
      <c r="C98" s="34">
        <v>98720</v>
      </c>
      <c r="D98" s="59"/>
      <c r="E98" s="60"/>
      <c r="F98" s="60"/>
      <c r="G98" s="60" t="s">
        <v>95</v>
      </c>
      <c r="H98" s="56"/>
      <c r="I98" s="56"/>
      <c r="J98" s="56"/>
      <c r="K98" s="43"/>
      <c r="L98" s="43"/>
      <c r="M98" s="58"/>
      <c r="N98" s="17"/>
      <c r="O98" s="18"/>
    </row>
    <row r="99" spans="2:15" s="36" customFormat="1" ht="15" customHeight="1">
      <c r="B99" s="53"/>
      <c r="C99" s="34">
        <v>2447</v>
      </c>
      <c r="D99" s="59"/>
      <c r="E99" s="60"/>
      <c r="F99" s="60"/>
      <c r="G99" s="60"/>
      <c r="H99" s="60" t="s">
        <v>96</v>
      </c>
      <c r="I99" s="56"/>
      <c r="J99" s="56"/>
      <c r="K99" s="43"/>
      <c r="L99" s="43"/>
      <c r="M99" s="58"/>
      <c r="N99" s="17"/>
      <c r="O99" s="18"/>
    </row>
    <row r="100" spans="2:15" s="36" customFormat="1" ht="15" customHeight="1">
      <c r="B100" s="53"/>
      <c r="C100" s="34">
        <v>95464</v>
      </c>
      <c r="D100" s="59"/>
      <c r="E100" s="60"/>
      <c r="F100" s="60"/>
      <c r="G100" s="60"/>
      <c r="H100" s="60"/>
      <c r="I100" s="60" t="s">
        <v>97</v>
      </c>
      <c r="J100" s="56"/>
      <c r="K100" s="43"/>
      <c r="L100" s="43"/>
      <c r="M100" s="58"/>
      <c r="N100" s="17"/>
      <c r="O100" s="18"/>
    </row>
    <row r="101" spans="2:15" s="36" customFormat="1" ht="15" customHeight="1">
      <c r="B101" s="53">
        <v>64</v>
      </c>
      <c r="C101" s="34">
        <v>741</v>
      </c>
      <c r="D101" s="59"/>
      <c r="E101" s="60"/>
      <c r="F101" s="60"/>
      <c r="G101" s="60"/>
      <c r="H101" s="60"/>
      <c r="I101" s="60"/>
      <c r="J101" s="60" t="s">
        <v>98</v>
      </c>
      <c r="K101" s="43"/>
      <c r="L101" s="43"/>
      <c r="M101" s="58"/>
      <c r="N101" s="17"/>
      <c r="O101" s="18"/>
    </row>
    <row r="102" spans="2:15" s="36" customFormat="1" ht="15" customHeight="1">
      <c r="B102" s="53">
        <v>65</v>
      </c>
      <c r="C102" s="34">
        <v>1205</v>
      </c>
      <c r="D102" s="54"/>
      <c r="E102" s="57"/>
      <c r="F102" s="57"/>
      <c r="G102" s="57"/>
      <c r="H102" s="57"/>
      <c r="I102" s="57"/>
      <c r="J102" s="57" t="s">
        <v>99</v>
      </c>
      <c r="K102" s="43"/>
      <c r="L102" s="43"/>
      <c r="M102" s="58"/>
      <c r="N102" s="17"/>
      <c r="O102" s="18"/>
    </row>
    <row r="103" spans="2:15" s="36" customFormat="1" ht="15" customHeight="1">
      <c r="B103" s="53">
        <v>66</v>
      </c>
      <c r="C103" s="34">
        <v>99057</v>
      </c>
      <c r="D103" s="59"/>
      <c r="E103" s="60"/>
      <c r="F103" s="60"/>
      <c r="G103" s="60"/>
      <c r="H103" s="60"/>
      <c r="I103" s="60"/>
      <c r="J103" s="60" t="s">
        <v>100</v>
      </c>
      <c r="K103" s="43"/>
      <c r="L103" s="43"/>
      <c r="M103" s="58"/>
      <c r="N103" s="17"/>
      <c r="O103" s="18"/>
    </row>
    <row r="104" spans="2:15" s="36" customFormat="1" ht="15" customHeight="1">
      <c r="B104" s="53">
        <v>67</v>
      </c>
      <c r="C104" s="34">
        <v>99058</v>
      </c>
      <c r="D104" s="54"/>
      <c r="E104" s="57"/>
      <c r="F104" s="57"/>
      <c r="G104" s="57"/>
      <c r="H104" s="57"/>
      <c r="I104" s="57"/>
      <c r="J104" s="57" t="s">
        <v>101</v>
      </c>
      <c r="K104" s="43"/>
      <c r="L104" s="43"/>
      <c r="M104" s="58"/>
      <c r="N104" s="17"/>
      <c r="O104" s="18"/>
    </row>
    <row r="105" spans="2:15" s="36" customFormat="1" ht="15" customHeight="1">
      <c r="B105" s="53">
        <v>68</v>
      </c>
      <c r="C105" s="34">
        <v>99059</v>
      </c>
      <c r="D105" s="59"/>
      <c r="E105" s="60"/>
      <c r="F105" s="60"/>
      <c r="G105" s="60"/>
      <c r="H105" s="60"/>
      <c r="I105" s="60"/>
      <c r="J105" s="60" t="s">
        <v>102</v>
      </c>
      <c r="K105" s="43"/>
      <c r="L105" s="43"/>
      <c r="M105" s="58"/>
      <c r="N105" s="17"/>
      <c r="O105" s="18"/>
    </row>
    <row r="106" spans="2:15" s="36" customFormat="1" ht="15" customHeight="1">
      <c r="B106" s="53">
        <v>69</v>
      </c>
      <c r="C106" s="34">
        <v>99060</v>
      </c>
      <c r="D106" s="54"/>
      <c r="E106" s="57"/>
      <c r="F106" s="57"/>
      <c r="G106" s="57"/>
      <c r="H106" s="57"/>
      <c r="I106" s="57"/>
      <c r="J106" s="57" t="s">
        <v>103</v>
      </c>
      <c r="K106" s="43"/>
      <c r="L106" s="43"/>
      <c r="M106" s="58"/>
      <c r="N106" s="17"/>
      <c r="O106" s="18"/>
    </row>
    <row r="107" spans="2:15" s="36" customFormat="1" ht="15" customHeight="1">
      <c r="B107" s="53">
        <v>79</v>
      </c>
      <c r="C107" s="34">
        <v>99061</v>
      </c>
      <c r="D107" s="59"/>
      <c r="E107" s="60"/>
      <c r="F107" s="60"/>
      <c r="G107" s="60"/>
      <c r="H107" s="60"/>
      <c r="I107" s="60"/>
      <c r="J107" s="60" t="s">
        <v>104</v>
      </c>
      <c r="K107" s="43"/>
      <c r="L107" s="43"/>
      <c r="M107" s="58"/>
      <c r="N107" s="17"/>
      <c r="O107" s="18"/>
    </row>
    <row r="108" spans="2:15" s="36" customFormat="1" ht="15" customHeight="1">
      <c r="B108" s="53">
        <v>71</v>
      </c>
      <c r="C108" s="34">
        <v>99062</v>
      </c>
      <c r="D108" s="54"/>
      <c r="E108" s="57"/>
      <c r="F108" s="57"/>
      <c r="G108" s="57"/>
      <c r="H108" s="57"/>
      <c r="I108" s="57"/>
      <c r="J108" s="57" t="s">
        <v>105</v>
      </c>
      <c r="K108" s="43"/>
      <c r="L108" s="43"/>
      <c r="M108" s="58"/>
      <c r="N108" s="17"/>
      <c r="O108" s="18"/>
    </row>
    <row r="109" spans="2:15" s="36" customFormat="1" ht="15" customHeight="1">
      <c r="B109" s="53">
        <v>72</v>
      </c>
      <c r="C109" s="34">
        <v>99063</v>
      </c>
      <c r="D109" s="59"/>
      <c r="E109" s="60"/>
      <c r="F109" s="60"/>
      <c r="G109" s="60"/>
      <c r="H109" s="60"/>
      <c r="I109" s="60"/>
      <c r="J109" s="60" t="s">
        <v>106</v>
      </c>
      <c r="K109" s="43"/>
      <c r="L109" s="43"/>
      <c r="M109" s="58"/>
      <c r="N109" s="17"/>
      <c r="O109" s="18"/>
    </row>
    <row r="110" spans="2:15" s="36" customFormat="1" ht="15" customHeight="1">
      <c r="B110" s="53">
        <v>73</v>
      </c>
      <c r="C110" s="34">
        <v>101932</v>
      </c>
      <c r="D110" s="54"/>
      <c r="E110" s="57"/>
      <c r="F110" s="57"/>
      <c r="G110" s="57"/>
      <c r="H110" s="57"/>
      <c r="I110" s="57"/>
      <c r="J110" s="57" t="s">
        <v>107</v>
      </c>
      <c r="K110" s="43"/>
      <c r="L110" s="43"/>
      <c r="M110" s="58"/>
      <c r="N110" s="17"/>
      <c r="O110" s="18"/>
    </row>
    <row r="111" spans="2:15" s="36" customFormat="1" ht="15" customHeight="1">
      <c r="B111" s="53"/>
      <c r="C111" s="34">
        <v>95465</v>
      </c>
      <c r="D111" s="59"/>
      <c r="E111" s="60"/>
      <c r="F111" s="60"/>
      <c r="G111" s="60"/>
      <c r="H111" s="60"/>
      <c r="I111" s="60" t="s">
        <v>108</v>
      </c>
      <c r="J111" s="56"/>
      <c r="K111" s="43"/>
      <c r="L111" s="43"/>
      <c r="M111" s="58"/>
      <c r="N111" s="17"/>
      <c r="O111" s="18"/>
    </row>
    <row r="112" spans="2:15" s="36" customFormat="1" ht="15" customHeight="1">
      <c r="B112" s="53">
        <v>74</v>
      </c>
      <c r="C112" s="34">
        <v>95474</v>
      </c>
      <c r="D112" s="59"/>
      <c r="E112" s="60"/>
      <c r="F112" s="60"/>
      <c r="G112" s="60"/>
      <c r="H112" s="60"/>
      <c r="I112" s="60"/>
      <c r="J112" s="60" t="s">
        <v>109</v>
      </c>
      <c r="K112" s="43"/>
      <c r="L112" s="43"/>
      <c r="M112" s="58"/>
      <c r="N112" s="17"/>
      <c r="O112" s="18"/>
    </row>
    <row r="113" spans="2:15" s="36" customFormat="1" ht="15" customHeight="1">
      <c r="B113" s="53">
        <v>75</v>
      </c>
      <c r="C113" s="34">
        <v>99064</v>
      </c>
      <c r="D113" s="54"/>
      <c r="E113" s="57"/>
      <c r="F113" s="57"/>
      <c r="G113" s="57"/>
      <c r="H113" s="57"/>
      <c r="I113" s="57"/>
      <c r="J113" s="57" t="s">
        <v>110</v>
      </c>
      <c r="K113" s="43"/>
      <c r="L113" s="43"/>
      <c r="M113" s="58"/>
      <c r="N113" s="17"/>
      <c r="O113" s="18"/>
    </row>
    <row r="114" spans="2:15" s="36" customFormat="1" ht="15" customHeight="1">
      <c r="B114" s="53"/>
      <c r="C114" s="34">
        <v>98721</v>
      </c>
      <c r="D114" s="59"/>
      <c r="E114" s="60"/>
      <c r="F114" s="60"/>
      <c r="G114" s="60"/>
      <c r="H114" s="60" t="s">
        <v>111</v>
      </c>
      <c r="I114" s="56"/>
      <c r="J114" s="60"/>
      <c r="K114" s="43"/>
      <c r="L114" s="43"/>
      <c r="M114" s="58"/>
      <c r="N114" s="17"/>
      <c r="O114" s="18"/>
    </row>
    <row r="115" spans="2:15" s="36" customFormat="1" ht="15" customHeight="1">
      <c r="B115" s="53">
        <v>76</v>
      </c>
      <c r="C115" s="34">
        <v>1880</v>
      </c>
      <c r="D115" s="59"/>
      <c r="E115" s="60"/>
      <c r="F115" s="60"/>
      <c r="G115" s="60"/>
      <c r="H115" s="60"/>
      <c r="I115" s="60" t="s">
        <v>112</v>
      </c>
      <c r="J115" s="60"/>
      <c r="K115" s="43"/>
      <c r="L115" s="43"/>
      <c r="M115" s="58"/>
      <c r="N115" s="17"/>
      <c r="O115" s="18"/>
    </row>
    <row r="116" spans="2:15" s="36" customFormat="1" ht="15" customHeight="1">
      <c r="B116" s="53">
        <v>77</v>
      </c>
      <c r="C116" s="34">
        <v>1209</v>
      </c>
      <c r="D116" s="54"/>
      <c r="E116" s="57"/>
      <c r="F116" s="57"/>
      <c r="G116" s="57"/>
      <c r="H116" s="57"/>
      <c r="I116" s="57" t="s">
        <v>113</v>
      </c>
      <c r="J116" s="57"/>
      <c r="K116" s="43"/>
      <c r="L116" s="43"/>
      <c r="M116" s="58"/>
      <c r="N116" s="17"/>
      <c r="O116" s="18"/>
    </row>
    <row r="117" spans="2:15" s="36" customFormat="1" ht="15" customHeight="1">
      <c r="B117" s="53">
        <v>78</v>
      </c>
      <c r="C117" s="34">
        <v>1864</v>
      </c>
      <c r="D117" s="59"/>
      <c r="E117" s="60"/>
      <c r="F117" s="60"/>
      <c r="G117" s="60"/>
      <c r="H117" s="60"/>
      <c r="I117" s="60" t="s">
        <v>114</v>
      </c>
      <c r="J117" s="60"/>
      <c r="K117" s="43"/>
      <c r="L117" s="43"/>
      <c r="M117" s="58"/>
      <c r="N117" s="17"/>
      <c r="O117" s="18"/>
    </row>
    <row r="118" spans="2:15" s="36" customFormat="1" ht="15" customHeight="1">
      <c r="B118" s="53">
        <v>79</v>
      </c>
      <c r="C118" s="34">
        <v>95457</v>
      </c>
      <c r="D118" s="54"/>
      <c r="E118" s="57"/>
      <c r="F118" s="57"/>
      <c r="G118" s="57"/>
      <c r="H118" s="57"/>
      <c r="I118" s="57" t="s">
        <v>115</v>
      </c>
      <c r="J118" s="57"/>
      <c r="K118" s="43"/>
      <c r="L118" s="43"/>
      <c r="M118" s="58"/>
      <c r="N118" s="17"/>
      <c r="O118" s="18"/>
    </row>
    <row r="119" spans="2:15" s="36" customFormat="1" ht="15" customHeight="1">
      <c r="B119" s="53">
        <v>80</v>
      </c>
      <c r="C119" s="34">
        <v>95458</v>
      </c>
      <c r="D119" s="59"/>
      <c r="E119" s="60"/>
      <c r="F119" s="60"/>
      <c r="G119" s="60"/>
      <c r="H119" s="60"/>
      <c r="I119" s="60" t="s">
        <v>116</v>
      </c>
      <c r="J119" s="60"/>
      <c r="K119" s="43"/>
      <c r="L119" s="43"/>
      <c r="M119" s="58"/>
      <c r="N119" s="17"/>
      <c r="O119" s="18"/>
    </row>
    <row r="120" spans="2:15" s="36" customFormat="1" ht="15" customHeight="1">
      <c r="B120" s="53">
        <v>81</v>
      </c>
      <c r="C120" s="34">
        <v>95459</v>
      </c>
      <c r="D120" s="54"/>
      <c r="E120" s="57"/>
      <c r="F120" s="57"/>
      <c r="G120" s="57"/>
      <c r="H120" s="57"/>
      <c r="I120" s="57" t="s">
        <v>117</v>
      </c>
      <c r="J120" s="57"/>
      <c r="K120" s="43"/>
      <c r="L120" s="43"/>
      <c r="M120" s="58"/>
      <c r="N120" s="17"/>
      <c r="O120" s="18"/>
    </row>
    <row r="121" spans="2:15" s="36" customFormat="1" ht="15" customHeight="1">
      <c r="B121" s="53">
        <v>82</v>
      </c>
      <c r="C121" s="34">
        <v>95461</v>
      </c>
      <c r="D121" s="59"/>
      <c r="E121" s="60"/>
      <c r="F121" s="60"/>
      <c r="G121" s="60"/>
      <c r="H121" s="60"/>
      <c r="I121" s="60" t="s">
        <v>118</v>
      </c>
      <c r="J121" s="60"/>
      <c r="K121" s="43"/>
      <c r="L121" s="43"/>
      <c r="M121" s="58"/>
      <c r="N121" s="17"/>
      <c r="O121" s="18"/>
    </row>
    <row r="122" spans="2:15" s="36" customFormat="1" ht="15" customHeight="1">
      <c r="B122" s="53">
        <v>83</v>
      </c>
      <c r="C122" s="34">
        <v>95462</v>
      </c>
      <c r="D122" s="54"/>
      <c r="E122" s="57"/>
      <c r="F122" s="57"/>
      <c r="G122" s="57"/>
      <c r="H122" s="57"/>
      <c r="I122" s="57" t="s">
        <v>119</v>
      </c>
      <c r="J122" s="57"/>
      <c r="K122" s="43"/>
      <c r="L122" s="43"/>
      <c r="M122" s="58"/>
      <c r="N122" s="17"/>
      <c r="O122" s="18"/>
    </row>
    <row r="123" spans="2:15" s="36" customFormat="1" ht="15" customHeight="1">
      <c r="B123" s="53"/>
      <c r="C123" s="34">
        <v>95463</v>
      </c>
      <c r="D123" s="59"/>
      <c r="E123" s="60"/>
      <c r="F123" s="60"/>
      <c r="G123" s="60"/>
      <c r="H123" s="60"/>
      <c r="I123" s="60" t="s">
        <v>120</v>
      </c>
      <c r="J123" s="56"/>
      <c r="K123" s="43"/>
      <c r="L123" s="43"/>
      <c r="M123" s="58"/>
      <c r="N123" s="17"/>
      <c r="O123" s="18"/>
    </row>
    <row r="124" spans="2:15" s="36" customFormat="1" ht="15" customHeight="1">
      <c r="B124" s="53">
        <v>84</v>
      </c>
      <c r="C124" s="34">
        <v>99055</v>
      </c>
      <c r="D124" s="59"/>
      <c r="E124" s="60"/>
      <c r="F124" s="60"/>
      <c r="G124" s="60"/>
      <c r="H124" s="60"/>
      <c r="I124" s="60"/>
      <c r="J124" s="60" t="s">
        <v>121</v>
      </c>
      <c r="K124" s="43"/>
      <c r="L124" s="43"/>
      <c r="M124" s="58"/>
      <c r="N124" s="17"/>
      <c r="O124" s="18"/>
    </row>
    <row r="125" spans="2:15" s="36" customFormat="1" ht="15" customHeight="1">
      <c r="B125" s="53">
        <v>85</v>
      </c>
      <c r="C125" s="34">
        <v>99056</v>
      </c>
      <c r="D125" s="54"/>
      <c r="E125" s="57"/>
      <c r="F125" s="57"/>
      <c r="G125" s="57"/>
      <c r="H125" s="57"/>
      <c r="I125" s="57"/>
      <c r="J125" s="57" t="s">
        <v>122</v>
      </c>
      <c r="K125" s="43"/>
      <c r="L125" s="43"/>
      <c r="M125" s="58"/>
      <c r="N125" s="17"/>
      <c r="O125" s="18"/>
    </row>
    <row r="126" spans="2:15" s="36" customFormat="1" ht="15" customHeight="1">
      <c r="B126" s="53"/>
      <c r="C126" s="34">
        <v>98722</v>
      </c>
      <c r="D126" s="59"/>
      <c r="E126" s="60"/>
      <c r="F126" s="60"/>
      <c r="G126" s="60"/>
      <c r="H126" s="60" t="s">
        <v>123</v>
      </c>
      <c r="I126" s="56"/>
      <c r="J126" s="56"/>
      <c r="K126" s="43"/>
      <c r="L126" s="43"/>
      <c r="M126" s="58"/>
      <c r="N126" s="17"/>
      <c r="O126" s="18"/>
    </row>
    <row r="127" spans="2:15" s="36" customFormat="1" ht="15" customHeight="1">
      <c r="B127" s="53"/>
      <c r="C127" s="34">
        <v>1329</v>
      </c>
      <c r="D127" s="59"/>
      <c r="E127" s="60"/>
      <c r="F127" s="60"/>
      <c r="G127" s="60"/>
      <c r="H127" s="60"/>
      <c r="I127" s="60" t="s">
        <v>124</v>
      </c>
      <c r="J127" s="56"/>
      <c r="K127" s="43"/>
      <c r="L127" s="43"/>
      <c r="M127" s="58"/>
      <c r="N127" s="17"/>
      <c r="O127" s="18"/>
    </row>
    <row r="128" spans="2:15" s="36" customFormat="1" ht="15" customHeight="1">
      <c r="B128" s="53">
        <v>86</v>
      </c>
      <c r="C128" s="34">
        <v>99066</v>
      </c>
      <c r="D128" s="59"/>
      <c r="E128" s="60"/>
      <c r="F128" s="60"/>
      <c r="G128" s="60"/>
      <c r="H128" s="60"/>
      <c r="I128" s="60"/>
      <c r="J128" s="60" t="s">
        <v>125</v>
      </c>
      <c r="K128" s="43"/>
      <c r="L128" s="43"/>
      <c r="M128" s="58"/>
      <c r="N128" s="17"/>
      <c r="O128" s="18"/>
    </row>
    <row r="129" spans="2:15" s="36" customFormat="1" ht="15" customHeight="1">
      <c r="B129" s="53">
        <v>87</v>
      </c>
      <c r="C129" s="34">
        <v>99067</v>
      </c>
      <c r="D129" s="54"/>
      <c r="E129" s="57"/>
      <c r="F129" s="57"/>
      <c r="G129" s="57"/>
      <c r="H129" s="57"/>
      <c r="I129" s="57"/>
      <c r="J129" s="57" t="s">
        <v>126</v>
      </c>
      <c r="K129" s="43"/>
      <c r="L129" s="43"/>
      <c r="M129" s="58"/>
      <c r="N129" s="17"/>
      <c r="O129" s="18"/>
    </row>
    <row r="130" spans="2:15" s="36" customFormat="1" ht="15" customHeight="1">
      <c r="B130" s="53">
        <v>88</v>
      </c>
      <c r="C130" s="34">
        <v>99068</v>
      </c>
      <c r="D130" s="59"/>
      <c r="E130" s="60"/>
      <c r="F130" s="60"/>
      <c r="G130" s="60"/>
      <c r="H130" s="60"/>
      <c r="I130" s="60"/>
      <c r="J130" s="60" t="s">
        <v>127</v>
      </c>
      <c r="K130" s="43"/>
      <c r="L130" s="43"/>
      <c r="M130" s="58"/>
      <c r="N130" s="17"/>
      <c r="O130" s="18"/>
    </row>
    <row r="131" spans="2:15" s="36" customFormat="1" ht="15" customHeight="1">
      <c r="B131" s="53">
        <v>89</v>
      </c>
      <c r="C131" s="34">
        <v>1330</v>
      </c>
      <c r="D131" s="54"/>
      <c r="E131" s="57"/>
      <c r="F131" s="57"/>
      <c r="G131" s="57"/>
      <c r="H131" s="57"/>
      <c r="I131" s="57" t="s">
        <v>128</v>
      </c>
      <c r="J131" s="57"/>
      <c r="K131" s="43"/>
      <c r="L131" s="43"/>
      <c r="M131" s="58"/>
      <c r="N131" s="17"/>
      <c r="O131" s="18"/>
    </row>
    <row r="132" spans="2:15" s="36" customFormat="1" ht="15" customHeight="1">
      <c r="B132" s="53"/>
      <c r="C132" s="34">
        <v>98724</v>
      </c>
      <c r="D132" s="59"/>
      <c r="E132" s="60"/>
      <c r="F132" s="60"/>
      <c r="G132" s="60" t="s">
        <v>129</v>
      </c>
      <c r="H132" s="56"/>
      <c r="I132" s="56"/>
      <c r="J132" s="60"/>
      <c r="K132" s="43"/>
      <c r="L132" s="43"/>
      <c r="M132" s="58"/>
      <c r="N132" s="17"/>
      <c r="O132" s="18"/>
    </row>
    <row r="133" spans="2:15" s="36" customFormat="1" ht="15" customHeight="1">
      <c r="B133" s="53"/>
      <c r="C133" s="34">
        <v>1132</v>
      </c>
      <c r="D133" s="59"/>
      <c r="E133" s="60"/>
      <c r="F133" s="60"/>
      <c r="G133" s="60"/>
      <c r="H133" s="60" t="s">
        <v>130</v>
      </c>
      <c r="I133" s="56"/>
      <c r="J133" s="60"/>
      <c r="K133" s="43"/>
      <c r="L133" s="43"/>
      <c r="M133" s="58"/>
      <c r="N133" s="17"/>
      <c r="O133" s="18"/>
    </row>
    <row r="134" spans="2:15" s="36" customFormat="1" ht="15" customHeight="1">
      <c r="B134" s="53">
        <v>90</v>
      </c>
      <c r="C134" s="34">
        <v>99075</v>
      </c>
      <c r="D134" s="59"/>
      <c r="E134" s="60"/>
      <c r="F134" s="60"/>
      <c r="G134" s="60"/>
      <c r="H134" s="60"/>
      <c r="I134" s="60" t="s">
        <v>131</v>
      </c>
      <c r="J134" s="60"/>
      <c r="K134" s="43"/>
      <c r="L134" s="43"/>
      <c r="M134" s="58"/>
      <c r="N134" s="17"/>
      <c r="O134" s="18"/>
    </row>
    <row r="135" spans="2:15" s="36" customFormat="1" ht="15" customHeight="1">
      <c r="B135" s="53">
        <v>91</v>
      </c>
      <c r="C135" s="34">
        <v>99076</v>
      </c>
      <c r="D135" s="54"/>
      <c r="E135" s="57"/>
      <c r="F135" s="57"/>
      <c r="G135" s="57"/>
      <c r="H135" s="57"/>
      <c r="I135" s="57" t="s">
        <v>132</v>
      </c>
      <c r="J135" s="57"/>
      <c r="K135" s="43"/>
      <c r="L135" s="43"/>
      <c r="M135" s="58"/>
      <c r="N135" s="17"/>
      <c r="O135" s="18"/>
    </row>
    <row r="136" spans="2:15" s="36" customFormat="1" ht="15" customHeight="1">
      <c r="B136" s="53">
        <v>92</v>
      </c>
      <c r="C136" s="34">
        <v>99077</v>
      </c>
      <c r="D136" s="59"/>
      <c r="E136" s="60"/>
      <c r="F136" s="60"/>
      <c r="G136" s="60"/>
      <c r="H136" s="60"/>
      <c r="I136" s="60" t="s">
        <v>133</v>
      </c>
      <c r="J136" s="60"/>
      <c r="K136" s="43"/>
      <c r="L136" s="43"/>
      <c r="M136" s="58"/>
      <c r="N136" s="17"/>
      <c r="O136" s="18"/>
    </row>
    <row r="137" spans="2:15" s="36" customFormat="1" ht="15" customHeight="1">
      <c r="B137" s="53">
        <v>93</v>
      </c>
      <c r="C137" s="34">
        <v>99078</v>
      </c>
      <c r="D137" s="54"/>
      <c r="E137" s="57"/>
      <c r="F137" s="57"/>
      <c r="G137" s="57"/>
      <c r="H137" s="57"/>
      <c r="I137" s="57" t="s">
        <v>134</v>
      </c>
      <c r="J137" s="57"/>
      <c r="K137" s="43"/>
      <c r="L137" s="43"/>
      <c r="M137" s="58"/>
      <c r="N137" s="17"/>
      <c r="O137" s="18"/>
    </row>
    <row r="138" spans="2:15" s="36" customFormat="1" ht="15" customHeight="1">
      <c r="B138" s="53">
        <v>94</v>
      </c>
      <c r="C138" s="34">
        <v>99079</v>
      </c>
      <c r="D138" s="59"/>
      <c r="E138" s="60"/>
      <c r="F138" s="60"/>
      <c r="G138" s="60"/>
      <c r="H138" s="60"/>
      <c r="I138" s="60" t="s">
        <v>135</v>
      </c>
      <c r="J138" s="60"/>
      <c r="K138" s="43"/>
      <c r="L138" s="43"/>
      <c r="M138" s="58"/>
      <c r="N138" s="17"/>
      <c r="O138" s="18"/>
    </row>
    <row r="139" spans="2:15" s="36" customFormat="1" ht="15" customHeight="1">
      <c r="B139" s="53">
        <v>95</v>
      </c>
      <c r="C139" s="34">
        <v>99081</v>
      </c>
      <c r="D139" s="54"/>
      <c r="E139" s="57"/>
      <c r="F139" s="57"/>
      <c r="G139" s="57"/>
      <c r="H139" s="57"/>
      <c r="I139" s="57" t="s">
        <v>136</v>
      </c>
      <c r="J139" s="57"/>
      <c r="K139" s="43"/>
      <c r="L139" s="43"/>
      <c r="M139" s="58"/>
      <c r="N139" s="17"/>
      <c r="O139" s="18"/>
    </row>
    <row r="140" spans="2:15" s="36" customFormat="1" ht="15" customHeight="1">
      <c r="B140" s="53">
        <v>96</v>
      </c>
      <c r="C140" s="34">
        <v>99082</v>
      </c>
      <c r="D140" s="59"/>
      <c r="E140" s="60"/>
      <c r="F140" s="60"/>
      <c r="G140" s="60"/>
      <c r="H140" s="60"/>
      <c r="I140" s="60" t="s">
        <v>137</v>
      </c>
      <c r="J140" s="60"/>
      <c r="K140" s="43"/>
      <c r="L140" s="43"/>
      <c r="M140" s="58"/>
      <c r="N140" s="17"/>
      <c r="O140" s="18"/>
    </row>
    <row r="141" spans="2:15" s="36" customFormat="1" ht="15" customHeight="1">
      <c r="B141" s="53">
        <v>97</v>
      </c>
      <c r="C141" s="34">
        <v>185</v>
      </c>
      <c r="D141" s="54"/>
      <c r="E141" s="57"/>
      <c r="F141" s="57"/>
      <c r="G141" s="57"/>
      <c r="H141" s="57" t="s">
        <v>138</v>
      </c>
      <c r="I141" s="57"/>
      <c r="J141" s="57"/>
      <c r="K141" s="43"/>
      <c r="L141" s="43"/>
      <c r="M141" s="58"/>
      <c r="N141" s="17"/>
      <c r="O141" s="18"/>
    </row>
    <row r="142" spans="2:15" s="36" customFormat="1" ht="15" customHeight="1">
      <c r="B142" s="53"/>
      <c r="C142" s="34">
        <v>95485</v>
      </c>
      <c r="D142" s="59"/>
      <c r="E142" s="60"/>
      <c r="F142" s="60"/>
      <c r="G142" s="60"/>
      <c r="H142" s="60" t="s">
        <v>139</v>
      </c>
      <c r="I142" s="56"/>
      <c r="J142" s="56"/>
      <c r="K142" s="43"/>
      <c r="L142" s="43"/>
      <c r="M142" s="58"/>
      <c r="N142" s="17"/>
      <c r="O142" s="18"/>
    </row>
    <row r="143" spans="2:15" s="36" customFormat="1" ht="15" customHeight="1">
      <c r="B143" s="53"/>
      <c r="C143" s="34">
        <v>706</v>
      </c>
      <c r="D143" s="59"/>
      <c r="E143" s="60"/>
      <c r="F143" s="60"/>
      <c r="G143" s="60"/>
      <c r="H143" s="60"/>
      <c r="I143" s="60" t="s">
        <v>140</v>
      </c>
      <c r="J143" s="56"/>
      <c r="K143" s="43"/>
      <c r="L143" s="43"/>
      <c r="M143" s="58"/>
      <c r="N143" s="17"/>
      <c r="O143" s="18"/>
    </row>
    <row r="144" spans="2:15" s="36" customFormat="1" ht="15" customHeight="1">
      <c r="B144" s="53">
        <v>98</v>
      </c>
      <c r="C144" s="34">
        <v>95487</v>
      </c>
      <c r="D144" s="59"/>
      <c r="E144" s="60"/>
      <c r="F144" s="60"/>
      <c r="G144" s="60"/>
      <c r="H144" s="60"/>
      <c r="I144" s="60"/>
      <c r="J144" s="60" t="s">
        <v>141</v>
      </c>
      <c r="K144" s="43"/>
      <c r="L144" s="43"/>
      <c r="M144" s="58"/>
      <c r="N144" s="17"/>
      <c r="O144" s="18"/>
    </row>
    <row r="145" spans="2:15" s="36" customFormat="1" ht="15" customHeight="1">
      <c r="B145" s="53">
        <v>99</v>
      </c>
      <c r="C145" s="34">
        <v>95486</v>
      </c>
      <c r="D145" s="54"/>
      <c r="E145" s="57"/>
      <c r="F145" s="57"/>
      <c r="G145" s="57"/>
      <c r="H145" s="57"/>
      <c r="I145" s="57" t="s">
        <v>142</v>
      </c>
      <c r="J145" s="57"/>
      <c r="K145" s="43"/>
      <c r="L145" s="43"/>
      <c r="M145" s="58"/>
      <c r="N145" s="17"/>
      <c r="O145" s="18"/>
    </row>
    <row r="146" spans="2:15" s="36" customFormat="1" ht="15" customHeight="1">
      <c r="B146" s="53">
        <v>100</v>
      </c>
      <c r="C146" s="34">
        <v>99072</v>
      </c>
      <c r="D146" s="59"/>
      <c r="E146" s="60"/>
      <c r="F146" s="60"/>
      <c r="G146" s="60"/>
      <c r="H146" s="60"/>
      <c r="I146" s="60" t="s">
        <v>143</v>
      </c>
      <c r="J146" s="60"/>
      <c r="K146" s="43"/>
      <c r="L146" s="43"/>
      <c r="M146" s="58"/>
      <c r="N146" s="17"/>
      <c r="O146" s="18"/>
    </row>
    <row r="147" spans="2:15" s="36" customFormat="1" ht="15" customHeight="1">
      <c r="B147" s="53"/>
      <c r="C147" s="34">
        <v>98718</v>
      </c>
      <c r="D147" s="54"/>
      <c r="E147" s="57"/>
      <c r="F147" s="57"/>
      <c r="G147" s="57"/>
      <c r="H147" s="57" t="s">
        <v>65</v>
      </c>
      <c r="I147" s="56"/>
      <c r="J147" s="57"/>
      <c r="K147" s="43"/>
      <c r="L147" s="43"/>
      <c r="M147" s="58"/>
      <c r="N147" s="17"/>
      <c r="O147" s="18"/>
    </row>
    <row r="148" spans="2:15" s="36" customFormat="1" ht="15" customHeight="1">
      <c r="B148" s="53">
        <v>101</v>
      </c>
      <c r="C148" s="34">
        <v>3193</v>
      </c>
      <c r="D148" s="54"/>
      <c r="E148" s="57"/>
      <c r="F148" s="57"/>
      <c r="G148" s="57"/>
      <c r="H148" s="57"/>
      <c r="I148" s="57" t="s">
        <v>66</v>
      </c>
      <c r="J148" s="57"/>
      <c r="K148" s="43"/>
      <c r="L148" s="43"/>
      <c r="M148" s="58"/>
      <c r="N148" s="17"/>
      <c r="O148" s="18"/>
    </row>
    <row r="149" spans="2:15" s="36" customFormat="1" ht="15" customHeight="1">
      <c r="B149" s="53"/>
      <c r="C149" s="34">
        <v>1457</v>
      </c>
      <c r="D149" s="59"/>
      <c r="E149" s="60"/>
      <c r="F149" s="60"/>
      <c r="G149" s="60"/>
      <c r="H149" s="60"/>
      <c r="I149" s="60" t="s">
        <v>68</v>
      </c>
      <c r="J149" s="56"/>
      <c r="K149" s="43"/>
      <c r="L149" s="43"/>
      <c r="M149" s="58"/>
      <c r="N149" s="17"/>
      <c r="O149" s="18"/>
    </row>
    <row r="150" spans="2:15" s="36" customFormat="1" ht="15" customHeight="1">
      <c r="B150" s="53">
        <v>102</v>
      </c>
      <c r="C150" s="34">
        <v>1455</v>
      </c>
      <c r="D150" s="59"/>
      <c r="E150" s="60"/>
      <c r="F150" s="60"/>
      <c r="G150" s="60"/>
      <c r="H150" s="60"/>
      <c r="I150" s="60"/>
      <c r="J150" s="60" t="s">
        <v>67</v>
      </c>
      <c r="K150" s="43"/>
      <c r="L150" s="43"/>
      <c r="M150" s="58"/>
      <c r="N150" s="17"/>
      <c r="O150" s="18"/>
    </row>
    <row r="151" spans="2:15" s="36" customFormat="1" ht="15" customHeight="1">
      <c r="B151" s="53">
        <v>103</v>
      </c>
      <c r="C151" s="34">
        <v>1456</v>
      </c>
      <c r="D151" s="54"/>
      <c r="E151" s="57"/>
      <c r="F151" s="57"/>
      <c r="G151" s="57"/>
      <c r="H151" s="57"/>
      <c r="I151" s="57"/>
      <c r="J151" s="57" t="s">
        <v>69</v>
      </c>
      <c r="K151" s="43"/>
      <c r="L151" s="43"/>
      <c r="M151" s="58"/>
      <c r="N151" s="17"/>
      <c r="O151" s="18"/>
    </row>
    <row r="152" spans="2:15" s="36" customFormat="1" ht="15" customHeight="1">
      <c r="B152" s="53">
        <v>104</v>
      </c>
      <c r="C152" s="34">
        <v>2299</v>
      </c>
      <c r="D152" s="59"/>
      <c r="E152" s="60"/>
      <c r="F152" s="60"/>
      <c r="G152" s="60"/>
      <c r="H152" s="60"/>
      <c r="I152" s="60" t="s">
        <v>70</v>
      </c>
      <c r="J152" s="60"/>
      <c r="K152" s="43"/>
      <c r="L152" s="43"/>
      <c r="M152" s="58"/>
      <c r="N152" s="17"/>
      <c r="O152" s="18"/>
    </row>
    <row r="153" spans="2:15" s="36" customFormat="1" ht="15" customHeight="1">
      <c r="B153" s="53"/>
      <c r="C153" s="34">
        <v>3092</v>
      </c>
      <c r="D153" s="54"/>
      <c r="E153" s="57"/>
      <c r="F153" s="57"/>
      <c r="G153" s="57"/>
      <c r="H153" s="57"/>
      <c r="I153" s="57" t="s">
        <v>71</v>
      </c>
      <c r="J153" s="56"/>
      <c r="K153" s="43"/>
      <c r="L153" s="43"/>
      <c r="M153" s="58"/>
      <c r="N153" s="17"/>
      <c r="O153" s="18"/>
    </row>
    <row r="154" spans="2:15" s="36" customFormat="1" ht="15" customHeight="1">
      <c r="B154" s="53">
        <v>105</v>
      </c>
      <c r="C154" s="34">
        <v>99051</v>
      </c>
      <c r="D154" s="54"/>
      <c r="E154" s="57"/>
      <c r="F154" s="57"/>
      <c r="G154" s="57"/>
      <c r="H154" s="57"/>
      <c r="I154" s="57"/>
      <c r="J154" s="57" t="s">
        <v>72</v>
      </c>
      <c r="K154" s="43"/>
      <c r="L154" s="43"/>
      <c r="M154" s="58"/>
      <c r="N154" s="17"/>
      <c r="O154" s="18"/>
    </row>
    <row r="155" spans="2:15" s="36" customFormat="1" ht="15" customHeight="1">
      <c r="B155" s="53">
        <v>106</v>
      </c>
      <c r="C155" s="34">
        <v>99052</v>
      </c>
      <c r="D155" s="59"/>
      <c r="E155" s="60"/>
      <c r="F155" s="60"/>
      <c r="G155" s="60"/>
      <c r="H155" s="60"/>
      <c r="I155" s="60"/>
      <c r="J155" s="60" t="s">
        <v>73</v>
      </c>
      <c r="K155" s="43"/>
      <c r="L155" s="43"/>
      <c r="M155" s="58"/>
      <c r="N155" s="17"/>
      <c r="O155" s="18"/>
    </row>
    <row r="156" spans="2:15" s="36" customFormat="1" ht="15" customHeight="1">
      <c r="B156" s="53">
        <v>107</v>
      </c>
      <c r="C156" s="34">
        <v>99053</v>
      </c>
      <c r="D156" s="54"/>
      <c r="E156" s="57"/>
      <c r="F156" s="57"/>
      <c r="G156" s="57"/>
      <c r="H156" s="57"/>
      <c r="I156" s="57"/>
      <c r="J156" s="57" t="s">
        <v>74</v>
      </c>
      <c r="K156" s="43"/>
      <c r="L156" s="43"/>
      <c r="M156" s="58"/>
      <c r="N156" s="17"/>
      <c r="O156" s="18"/>
    </row>
    <row r="157" spans="2:15" s="36" customFormat="1" ht="15" customHeight="1">
      <c r="B157" s="53"/>
      <c r="C157" s="34">
        <v>3093</v>
      </c>
      <c r="D157" s="59"/>
      <c r="E157" s="60"/>
      <c r="F157" s="60"/>
      <c r="G157" s="60"/>
      <c r="H157" s="60"/>
      <c r="I157" s="60" t="s">
        <v>75</v>
      </c>
      <c r="J157" s="56"/>
      <c r="K157" s="43"/>
      <c r="L157" s="43"/>
      <c r="M157" s="58"/>
      <c r="N157" s="17"/>
      <c r="O157" s="18"/>
    </row>
    <row r="158" spans="2:15" s="36" customFormat="1" ht="15" customHeight="1">
      <c r="B158" s="53">
        <v>108</v>
      </c>
      <c r="C158" s="34">
        <v>95448</v>
      </c>
      <c r="D158" s="59"/>
      <c r="E158" s="60"/>
      <c r="F158" s="60"/>
      <c r="G158" s="60"/>
      <c r="H158" s="60"/>
      <c r="I158" s="60"/>
      <c r="J158" s="60" t="s">
        <v>76</v>
      </c>
      <c r="K158" s="43"/>
      <c r="L158" s="43"/>
      <c r="M158" s="58"/>
      <c r="N158" s="17"/>
      <c r="O158" s="18"/>
    </row>
    <row r="159" spans="2:15" s="36" customFormat="1" ht="15" customHeight="1">
      <c r="B159" s="53">
        <v>109</v>
      </c>
      <c r="C159" s="34">
        <v>101043</v>
      </c>
      <c r="D159" s="54"/>
      <c r="E159" s="57"/>
      <c r="F159" s="57"/>
      <c r="G159" s="57"/>
      <c r="H159" s="57"/>
      <c r="I159" s="57"/>
      <c r="J159" s="57" t="s">
        <v>77</v>
      </c>
      <c r="K159" s="43"/>
      <c r="L159" s="43"/>
      <c r="M159" s="58"/>
      <c r="N159" s="17"/>
      <c r="O159" s="18"/>
    </row>
    <row r="160" spans="2:15" s="36" customFormat="1" ht="15" customHeight="1">
      <c r="B160" s="53">
        <v>110</v>
      </c>
      <c r="C160" s="34">
        <v>95449</v>
      </c>
      <c r="D160" s="59"/>
      <c r="E160" s="60"/>
      <c r="F160" s="60"/>
      <c r="G160" s="60"/>
      <c r="H160" s="60"/>
      <c r="I160" s="60" t="s">
        <v>78</v>
      </c>
      <c r="J160" s="60"/>
      <c r="K160" s="43"/>
      <c r="L160" s="43"/>
      <c r="M160" s="58"/>
      <c r="N160" s="17"/>
      <c r="O160" s="18"/>
    </row>
    <row r="161" spans="2:15" s="36" customFormat="1" ht="15" customHeight="1">
      <c r="B161" s="53"/>
      <c r="C161" s="34">
        <v>98719</v>
      </c>
      <c r="D161" s="54"/>
      <c r="E161" s="57"/>
      <c r="F161" s="57"/>
      <c r="G161" s="57"/>
      <c r="H161" s="57" t="s">
        <v>79</v>
      </c>
      <c r="I161" s="56"/>
      <c r="J161" s="57"/>
      <c r="K161" s="43"/>
      <c r="L161" s="43"/>
      <c r="M161" s="58"/>
      <c r="N161" s="17"/>
      <c r="O161" s="18"/>
    </row>
    <row r="162" spans="2:15" s="36" customFormat="1" ht="15" customHeight="1">
      <c r="B162" s="53">
        <v>111</v>
      </c>
      <c r="C162" s="34">
        <v>1208</v>
      </c>
      <c r="D162" s="54"/>
      <c r="E162" s="57"/>
      <c r="F162" s="57"/>
      <c r="G162" s="57"/>
      <c r="H162" s="57"/>
      <c r="I162" s="57" t="s">
        <v>37</v>
      </c>
      <c r="J162" s="57"/>
      <c r="K162" s="43"/>
      <c r="L162" s="43"/>
      <c r="M162" s="58"/>
      <c r="N162" s="17"/>
      <c r="O162" s="18"/>
    </row>
    <row r="163" spans="2:15" s="36" customFormat="1" ht="15" customHeight="1">
      <c r="B163" s="53"/>
      <c r="C163" s="34">
        <v>982</v>
      </c>
      <c r="D163" s="59"/>
      <c r="E163" s="60"/>
      <c r="F163" s="60"/>
      <c r="G163" s="60"/>
      <c r="H163" s="60"/>
      <c r="I163" s="60" t="s">
        <v>80</v>
      </c>
      <c r="J163" s="56"/>
      <c r="K163" s="43"/>
      <c r="L163" s="43"/>
      <c r="M163" s="58"/>
      <c r="N163" s="17"/>
      <c r="O163" s="18"/>
    </row>
    <row r="164" spans="2:15" s="36" customFormat="1" ht="15" customHeight="1">
      <c r="B164" s="53">
        <v>112</v>
      </c>
      <c r="C164" s="34">
        <v>99048</v>
      </c>
      <c r="D164" s="59"/>
      <c r="E164" s="60"/>
      <c r="F164" s="60"/>
      <c r="G164" s="60"/>
      <c r="H164" s="60"/>
      <c r="I164" s="60"/>
      <c r="J164" s="60" t="s">
        <v>81</v>
      </c>
      <c r="K164" s="43"/>
      <c r="L164" s="43"/>
      <c r="M164" s="58"/>
      <c r="N164" s="17"/>
      <c r="O164" s="18"/>
    </row>
    <row r="165" spans="2:15" s="36" customFormat="1" ht="15" customHeight="1">
      <c r="B165" s="53">
        <v>113</v>
      </c>
      <c r="C165" s="34">
        <v>101206</v>
      </c>
      <c r="D165" s="54"/>
      <c r="E165" s="57"/>
      <c r="F165" s="57"/>
      <c r="G165" s="57"/>
      <c r="H165" s="57"/>
      <c r="I165" s="57"/>
      <c r="J165" s="57" t="s">
        <v>82</v>
      </c>
      <c r="K165" s="43"/>
      <c r="L165" s="43"/>
      <c r="M165" s="58"/>
      <c r="N165" s="17"/>
      <c r="O165" s="18"/>
    </row>
    <row r="166" spans="2:15" s="36" customFormat="1" ht="15" customHeight="1">
      <c r="B166" s="53">
        <v>114</v>
      </c>
      <c r="C166" s="34">
        <v>980</v>
      </c>
      <c r="D166" s="59"/>
      <c r="E166" s="60"/>
      <c r="F166" s="60"/>
      <c r="G166" s="60"/>
      <c r="H166" s="60"/>
      <c r="I166" s="60" t="s">
        <v>83</v>
      </c>
      <c r="J166" s="60"/>
      <c r="K166" s="43"/>
      <c r="L166" s="43"/>
      <c r="M166" s="58"/>
      <c r="N166" s="17"/>
      <c r="O166" s="18"/>
    </row>
    <row r="167" spans="2:15" s="36" customFormat="1" ht="15" customHeight="1">
      <c r="B167" s="53"/>
      <c r="C167" s="34">
        <v>3189</v>
      </c>
      <c r="D167" s="54"/>
      <c r="E167" s="57"/>
      <c r="F167" s="57"/>
      <c r="G167" s="57"/>
      <c r="H167" s="57"/>
      <c r="I167" s="57" t="s">
        <v>84</v>
      </c>
      <c r="J167" s="56"/>
      <c r="K167" s="43"/>
      <c r="L167" s="43"/>
      <c r="M167" s="58"/>
      <c r="N167" s="17"/>
      <c r="O167" s="18"/>
    </row>
    <row r="168" spans="2:15" s="36" customFormat="1" ht="15" customHeight="1">
      <c r="B168" s="53">
        <v>115</v>
      </c>
      <c r="C168" s="34">
        <v>3190</v>
      </c>
      <c r="D168" s="54"/>
      <c r="E168" s="57"/>
      <c r="F168" s="57"/>
      <c r="G168" s="57"/>
      <c r="H168" s="57"/>
      <c r="I168" s="57"/>
      <c r="J168" s="57" t="s">
        <v>85</v>
      </c>
      <c r="K168" s="43"/>
      <c r="L168" s="43"/>
      <c r="M168" s="58"/>
      <c r="N168" s="17"/>
      <c r="O168" s="18"/>
    </row>
    <row r="169" spans="2:15" s="36" customFormat="1" ht="15" customHeight="1">
      <c r="B169" s="53">
        <v>116</v>
      </c>
      <c r="C169" s="34">
        <v>3192</v>
      </c>
      <c r="D169" s="59"/>
      <c r="E169" s="60"/>
      <c r="F169" s="60"/>
      <c r="G169" s="60"/>
      <c r="H169" s="60"/>
      <c r="I169" s="60"/>
      <c r="J169" s="60" t="s">
        <v>86</v>
      </c>
      <c r="K169" s="43"/>
      <c r="L169" s="43"/>
      <c r="M169" s="58"/>
      <c r="N169" s="17"/>
      <c r="O169" s="18"/>
    </row>
    <row r="170" spans="2:15" s="36" customFormat="1" ht="15" customHeight="1">
      <c r="B170" s="53">
        <v>117</v>
      </c>
      <c r="C170" s="34">
        <v>99054</v>
      </c>
      <c r="D170" s="54"/>
      <c r="E170" s="57"/>
      <c r="F170" s="57"/>
      <c r="G170" s="57"/>
      <c r="H170" s="57"/>
      <c r="I170" s="57"/>
      <c r="J170" s="57" t="s">
        <v>87</v>
      </c>
      <c r="K170" s="43"/>
      <c r="L170" s="43"/>
      <c r="M170" s="58"/>
      <c r="N170" s="17"/>
      <c r="O170" s="18"/>
    </row>
    <row r="171" spans="2:15" s="36" customFormat="1" ht="15" customHeight="1">
      <c r="B171" s="53">
        <v>118</v>
      </c>
      <c r="C171" s="34">
        <v>3192</v>
      </c>
      <c r="D171" s="59"/>
      <c r="E171" s="60"/>
      <c r="F171" s="60"/>
      <c r="G171" s="60"/>
      <c r="H171" s="60"/>
      <c r="I171" s="60" t="s">
        <v>86</v>
      </c>
      <c r="J171" s="60"/>
      <c r="K171" s="43"/>
      <c r="L171" s="43"/>
      <c r="M171" s="58"/>
      <c r="N171" s="17"/>
      <c r="O171" s="18"/>
    </row>
    <row r="172" spans="2:15" s="36" customFormat="1" ht="15" customHeight="1">
      <c r="B172" s="53">
        <v>119</v>
      </c>
      <c r="C172" s="34">
        <v>99083</v>
      </c>
      <c r="D172" s="54"/>
      <c r="E172" s="57"/>
      <c r="F172" s="57"/>
      <c r="G172" s="57"/>
      <c r="H172" s="57"/>
      <c r="I172" s="57" t="s">
        <v>88</v>
      </c>
      <c r="J172" s="57"/>
      <c r="K172" s="43"/>
      <c r="L172" s="43"/>
      <c r="M172" s="58"/>
      <c r="N172" s="17"/>
      <c r="O172" s="18"/>
    </row>
    <row r="173" spans="2:15" s="36" customFormat="1" ht="15" customHeight="1">
      <c r="B173" s="53"/>
      <c r="C173" s="34">
        <v>98725</v>
      </c>
      <c r="D173" s="59"/>
      <c r="E173" s="60"/>
      <c r="F173" s="60"/>
      <c r="G173" s="60"/>
      <c r="H173" s="60" t="s">
        <v>144</v>
      </c>
      <c r="I173" s="56"/>
      <c r="J173" s="60"/>
      <c r="K173" s="43"/>
      <c r="L173" s="43"/>
      <c r="M173" s="58"/>
      <c r="N173" s="17"/>
      <c r="O173" s="18"/>
    </row>
    <row r="174" spans="2:15" s="36" customFormat="1" ht="15" customHeight="1">
      <c r="B174" s="53">
        <v>120</v>
      </c>
      <c r="C174" s="34">
        <v>1054</v>
      </c>
      <c r="D174" s="59"/>
      <c r="E174" s="60"/>
      <c r="F174" s="60"/>
      <c r="G174" s="60"/>
      <c r="H174" s="60"/>
      <c r="I174" s="60" t="s">
        <v>145</v>
      </c>
      <c r="J174" s="60"/>
      <c r="K174" s="43"/>
      <c r="L174" s="43"/>
      <c r="M174" s="58"/>
      <c r="N174" s="17"/>
      <c r="O174" s="18"/>
    </row>
    <row r="175" spans="2:15" s="36" customFormat="1" ht="15" customHeight="1">
      <c r="B175" s="53"/>
      <c r="C175" s="34">
        <v>3093</v>
      </c>
      <c r="D175" s="54"/>
      <c r="E175" s="57"/>
      <c r="F175" s="57"/>
      <c r="G175" s="57"/>
      <c r="H175" s="57"/>
      <c r="I175" s="57" t="s">
        <v>75</v>
      </c>
      <c r="J175" s="56"/>
      <c r="K175" s="43"/>
      <c r="L175" s="43"/>
      <c r="M175" s="58"/>
      <c r="N175" s="17"/>
      <c r="O175" s="18"/>
    </row>
    <row r="176" spans="2:15" s="36" customFormat="1" ht="15" customHeight="1">
      <c r="B176" s="53">
        <v>121</v>
      </c>
      <c r="C176" s="34">
        <v>95448</v>
      </c>
      <c r="D176" s="54"/>
      <c r="E176" s="57"/>
      <c r="F176" s="57"/>
      <c r="G176" s="57"/>
      <c r="H176" s="57"/>
      <c r="I176" s="57"/>
      <c r="J176" s="57" t="s">
        <v>76</v>
      </c>
      <c r="K176" s="43"/>
      <c r="L176" s="43"/>
      <c r="M176" s="58"/>
      <c r="N176" s="17"/>
      <c r="O176" s="18"/>
    </row>
    <row r="177" spans="2:15" s="36" customFormat="1" ht="15" customHeight="1">
      <c r="B177" s="53">
        <v>122</v>
      </c>
      <c r="C177" s="34">
        <v>101043</v>
      </c>
      <c r="D177" s="59"/>
      <c r="E177" s="60"/>
      <c r="F177" s="60"/>
      <c r="G177" s="60"/>
      <c r="H177" s="60"/>
      <c r="I177" s="60"/>
      <c r="J177" s="60" t="s">
        <v>77</v>
      </c>
      <c r="K177" s="43"/>
      <c r="L177" s="43"/>
      <c r="M177" s="58"/>
      <c r="N177" s="17"/>
      <c r="O177" s="18"/>
    </row>
    <row r="178" spans="2:15" s="36" customFormat="1" ht="15" customHeight="1">
      <c r="B178" s="53"/>
      <c r="C178" s="34">
        <v>3400</v>
      </c>
      <c r="D178" s="54"/>
      <c r="E178" s="57"/>
      <c r="F178" s="57"/>
      <c r="G178" s="57"/>
      <c r="H178" s="57"/>
      <c r="I178" s="57" t="s">
        <v>146</v>
      </c>
      <c r="J178" s="56"/>
      <c r="K178" s="43"/>
      <c r="L178" s="43"/>
      <c r="M178" s="58"/>
      <c r="N178" s="17"/>
      <c r="O178" s="18"/>
    </row>
    <row r="179" spans="2:15" s="36" customFormat="1" ht="15" customHeight="1">
      <c r="B179" s="53">
        <v>123</v>
      </c>
      <c r="C179" s="34">
        <v>99070</v>
      </c>
      <c r="D179" s="54"/>
      <c r="E179" s="57"/>
      <c r="F179" s="57"/>
      <c r="G179" s="57"/>
      <c r="H179" s="57"/>
      <c r="I179" s="57"/>
      <c r="J179" s="57" t="s">
        <v>147</v>
      </c>
      <c r="K179" s="43"/>
      <c r="L179" s="43"/>
      <c r="M179" s="58"/>
      <c r="N179" s="17"/>
      <c r="O179" s="18"/>
    </row>
    <row r="180" spans="2:15" s="36" customFormat="1" ht="15" customHeight="1">
      <c r="B180" s="53">
        <v>124</v>
      </c>
      <c r="C180" s="34">
        <v>99071</v>
      </c>
      <c r="D180" s="59"/>
      <c r="E180" s="60"/>
      <c r="F180" s="60"/>
      <c r="G180" s="60"/>
      <c r="H180" s="60"/>
      <c r="I180" s="60"/>
      <c r="J180" s="60" t="s">
        <v>148</v>
      </c>
      <c r="K180" s="43"/>
      <c r="L180" s="43"/>
      <c r="M180" s="58"/>
      <c r="N180" s="17"/>
      <c r="O180" s="18"/>
    </row>
    <row r="181" spans="2:15" s="36" customFormat="1" ht="15" customHeight="1">
      <c r="B181" s="53">
        <v>125</v>
      </c>
      <c r="C181" s="34">
        <v>95484</v>
      </c>
      <c r="D181" s="54"/>
      <c r="E181" s="57"/>
      <c r="F181" s="57"/>
      <c r="G181" s="57"/>
      <c r="H181" s="57"/>
      <c r="I181" s="57" t="s">
        <v>149</v>
      </c>
      <c r="J181" s="57"/>
      <c r="K181" s="43"/>
      <c r="L181" s="43"/>
      <c r="M181" s="58"/>
      <c r="N181" s="17"/>
      <c r="O181" s="18"/>
    </row>
    <row r="182" spans="2:15" s="36" customFormat="1" ht="15" customHeight="1">
      <c r="B182" s="53"/>
      <c r="C182" s="34">
        <v>98726</v>
      </c>
      <c r="D182" s="59"/>
      <c r="E182" s="60"/>
      <c r="F182" s="60"/>
      <c r="G182" s="60"/>
      <c r="H182" s="60" t="s">
        <v>150</v>
      </c>
      <c r="I182" s="56"/>
      <c r="J182" s="60"/>
      <c r="K182" s="43"/>
      <c r="L182" s="43"/>
      <c r="M182" s="58"/>
      <c r="N182" s="17"/>
      <c r="O182" s="18"/>
    </row>
    <row r="183" spans="2:15" s="36" customFormat="1" ht="15" customHeight="1">
      <c r="B183" s="53">
        <v>126</v>
      </c>
      <c r="C183" s="34">
        <v>1676</v>
      </c>
      <c r="D183" s="59"/>
      <c r="E183" s="60"/>
      <c r="F183" s="60"/>
      <c r="G183" s="60"/>
      <c r="H183" s="60"/>
      <c r="I183" s="60" t="s">
        <v>151</v>
      </c>
      <c r="J183" s="60"/>
      <c r="K183" s="43"/>
      <c r="L183" s="43"/>
      <c r="M183" s="58"/>
      <c r="N183" s="17"/>
      <c r="O183" s="18"/>
    </row>
    <row r="184" spans="2:15" s="36" customFormat="1" ht="15" customHeight="1">
      <c r="B184" s="53">
        <v>127</v>
      </c>
      <c r="C184" s="34">
        <v>99083</v>
      </c>
      <c r="D184" s="54"/>
      <c r="E184" s="57"/>
      <c r="F184" s="57"/>
      <c r="G184" s="57"/>
      <c r="H184" s="57"/>
      <c r="I184" s="57" t="s">
        <v>88</v>
      </c>
      <c r="J184" s="57"/>
      <c r="K184" s="43"/>
      <c r="L184" s="43"/>
      <c r="M184" s="58"/>
      <c r="N184" s="17"/>
      <c r="O184" s="18"/>
    </row>
    <row r="185" spans="2:15" s="36" customFormat="1" ht="15" customHeight="1">
      <c r="B185" s="53">
        <v>128</v>
      </c>
      <c r="C185" s="34">
        <v>99084</v>
      </c>
      <c r="D185" s="59"/>
      <c r="E185" s="60"/>
      <c r="F185" s="60"/>
      <c r="G185" s="60"/>
      <c r="H185" s="60"/>
      <c r="I185" s="60" t="s">
        <v>152</v>
      </c>
      <c r="J185" s="60"/>
      <c r="K185" s="43"/>
      <c r="L185" s="43"/>
      <c r="M185" s="58"/>
      <c r="N185" s="17"/>
      <c r="O185" s="18"/>
    </row>
    <row r="186" spans="2:15" s="36" customFormat="1" ht="15" customHeight="1">
      <c r="B186" s="53"/>
      <c r="C186" s="34">
        <v>98727</v>
      </c>
      <c r="D186" s="54"/>
      <c r="E186" s="57"/>
      <c r="F186" s="57"/>
      <c r="G186" s="57" t="s">
        <v>153</v>
      </c>
      <c r="H186" s="56"/>
      <c r="I186" s="56"/>
      <c r="J186" s="57"/>
      <c r="K186" s="43"/>
      <c r="L186" s="43"/>
      <c r="M186" s="58"/>
      <c r="N186" s="17"/>
      <c r="O186" s="18"/>
    </row>
    <row r="187" spans="2:15" s="36" customFormat="1" ht="15" customHeight="1">
      <c r="B187" s="53"/>
      <c r="C187" s="34">
        <v>1478</v>
      </c>
      <c r="D187" s="54"/>
      <c r="E187" s="57"/>
      <c r="F187" s="57"/>
      <c r="G187" s="57"/>
      <c r="H187" s="57" t="s">
        <v>154</v>
      </c>
      <c r="I187" s="56"/>
      <c r="J187" s="57"/>
      <c r="K187" s="43"/>
      <c r="L187" s="43"/>
      <c r="M187" s="58"/>
      <c r="N187" s="17"/>
      <c r="O187" s="18"/>
    </row>
    <row r="188" spans="2:15" s="36" customFormat="1" ht="15" customHeight="1">
      <c r="B188" s="53">
        <v>129</v>
      </c>
      <c r="C188" s="34">
        <v>99103</v>
      </c>
      <c r="D188" s="54"/>
      <c r="E188" s="57"/>
      <c r="F188" s="57"/>
      <c r="G188" s="57"/>
      <c r="H188" s="57"/>
      <c r="I188" s="57" t="s">
        <v>155</v>
      </c>
      <c r="J188" s="57"/>
      <c r="K188" s="43"/>
      <c r="L188" s="43"/>
      <c r="M188" s="58"/>
      <c r="N188" s="17"/>
      <c r="O188" s="18"/>
    </row>
    <row r="189" spans="2:15" s="36" customFormat="1" ht="15" customHeight="1">
      <c r="B189" s="53">
        <v>130</v>
      </c>
      <c r="C189" s="34">
        <v>99104</v>
      </c>
      <c r="D189" s="59"/>
      <c r="E189" s="60"/>
      <c r="F189" s="60"/>
      <c r="G189" s="60"/>
      <c r="H189" s="60"/>
      <c r="I189" s="60" t="s">
        <v>156</v>
      </c>
      <c r="J189" s="60"/>
      <c r="K189" s="43"/>
      <c r="L189" s="43"/>
      <c r="M189" s="58"/>
      <c r="N189" s="17"/>
      <c r="O189" s="18"/>
    </row>
    <row r="190" spans="2:15" s="36" customFormat="1" ht="15" customHeight="1">
      <c r="B190" s="53">
        <v>131</v>
      </c>
      <c r="C190" s="34">
        <v>99105</v>
      </c>
      <c r="D190" s="54"/>
      <c r="E190" s="57"/>
      <c r="F190" s="57"/>
      <c r="G190" s="57"/>
      <c r="H190" s="57"/>
      <c r="I190" s="57" t="s">
        <v>157</v>
      </c>
      <c r="J190" s="57"/>
      <c r="K190" s="43"/>
      <c r="L190" s="43"/>
      <c r="M190" s="58"/>
      <c r="N190" s="17"/>
      <c r="O190" s="18"/>
    </row>
    <row r="191" spans="2:15" s="36" customFormat="1" ht="15" customHeight="1">
      <c r="B191" s="53">
        <v>132</v>
      </c>
      <c r="C191" s="34">
        <v>99106</v>
      </c>
      <c r="D191" s="59"/>
      <c r="E191" s="60"/>
      <c r="F191" s="60"/>
      <c r="G191" s="60"/>
      <c r="H191" s="60"/>
      <c r="I191" s="60" t="s">
        <v>158</v>
      </c>
      <c r="J191" s="60"/>
      <c r="K191" s="43"/>
      <c r="L191" s="43"/>
      <c r="M191" s="58"/>
      <c r="N191" s="17"/>
      <c r="O191" s="18"/>
    </row>
    <row r="192" spans="2:15" s="36" customFormat="1" ht="15" customHeight="1">
      <c r="B192" s="53"/>
      <c r="C192" s="34">
        <v>1463</v>
      </c>
      <c r="D192" s="54"/>
      <c r="E192" s="57"/>
      <c r="F192" s="57"/>
      <c r="G192" s="57"/>
      <c r="H192" s="57" t="s">
        <v>159</v>
      </c>
      <c r="I192" s="56"/>
      <c r="J192" s="57"/>
      <c r="K192" s="43"/>
      <c r="L192" s="43"/>
      <c r="M192" s="58"/>
      <c r="N192" s="17"/>
      <c r="O192" s="18"/>
    </row>
    <row r="193" spans="2:15" s="36" customFormat="1" ht="15" customHeight="1">
      <c r="B193" s="53">
        <v>133</v>
      </c>
      <c r="C193" s="34">
        <v>99098</v>
      </c>
      <c r="D193" s="54"/>
      <c r="E193" s="57"/>
      <c r="F193" s="57"/>
      <c r="G193" s="57"/>
      <c r="H193" s="57"/>
      <c r="I193" s="57" t="s">
        <v>160</v>
      </c>
      <c r="J193" s="57"/>
      <c r="K193" s="43"/>
      <c r="L193" s="43"/>
      <c r="M193" s="58"/>
      <c r="N193" s="17"/>
      <c r="O193" s="18"/>
    </row>
    <row r="194" spans="2:15" s="36" customFormat="1" ht="15" customHeight="1">
      <c r="B194" s="53">
        <v>134</v>
      </c>
      <c r="C194" s="34">
        <v>99099</v>
      </c>
      <c r="D194" s="59"/>
      <c r="E194" s="60"/>
      <c r="F194" s="60"/>
      <c r="G194" s="60"/>
      <c r="H194" s="60"/>
      <c r="I194" s="60" t="s">
        <v>161</v>
      </c>
      <c r="J194" s="60"/>
      <c r="K194" s="43"/>
      <c r="L194" s="43"/>
      <c r="M194" s="58"/>
      <c r="N194" s="17"/>
      <c r="O194" s="18"/>
    </row>
    <row r="195" spans="2:15" s="36" customFormat="1" ht="15" customHeight="1">
      <c r="B195" s="53">
        <v>135</v>
      </c>
      <c r="C195" s="34">
        <v>1677</v>
      </c>
      <c r="D195" s="54"/>
      <c r="E195" s="57"/>
      <c r="F195" s="57"/>
      <c r="G195" s="57"/>
      <c r="H195" s="57" t="s">
        <v>162</v>
      </c>
      <c r="I195" s="57"/>
      <c r="J195" s="57"/>
      <c r="K195" s="43"/>
      <c r="L195" s="43"/>
      <c r="M195" s="58"/>
      <c r="N195" s="17"/>
      <c r="O195" s="18"/>
    </row>
    <row r="196" spans="2:15" s="36" customFormat="1" ht="15" customHeight="1">
      <c r="B196" s="53"/>
      <c r="C196" s="34">
        <v>95510</v>
      </c>
      <c r="D196" s="59"/>
      <c r="E196" s="60"/>
      <c r="F196" s="60"/>
      <c r="G196" s="60"/>
      <c r="H196" s="60" t="s">
        <v>163</v>
      </c>
      <c r="I196" s="56"/>
      <c r="J196" s="60"/>
      <c r="K196" s="43"/>
      <c r="L196" s="43"/>
      <c r="M196" s="58"/>
      <c r="N196" s="17"/>
      <c r="O196" s="18"/>
    </row>
    <row r="197" spans="2:15" s="36" customFormat="1" ht="15" customHeight="1">
      <c r="B197" s="53">
        <v>136</v>
      </c>
      <c r="C197" s="34">
        <v>99100</v>
      </c>
      <c r="D197" s="59"/>
      <c r="E197" s="60"/>
      <c r="F197" s="60"/>
      <c r="G197" s="60"/>
      <c r="H197" s="60"/>
      <c r="I197" s="60" t="s">
        <v>164</v>
      </c>
      <c r="J197" s="60"/>
      <c r="K197" s="43"/>
      <c r="L197" s="43"/>
      <c r="M197" s="58"/>
      <c r="N197" s="17"/>
      <c r="O197" s="18"/>
    </row>
    <row r="198" spans="2:15" s="36" customFormat="1" ht="15" customHeight="1">
      <c r="B198" s="53">
        <v>137</v>
      </c>
      <c r="C198" s="34">
        <v>99101</v>
      </c>
      <c r="D198" s="54"/>
      <c r="E198" s="57"/>
      <c r="F198" s="57"/>
      <c r="G198" s="57"/>
      <c r="H198" s="57"/>
      <c r="I198" s="57" t="s">
        <v>165</v>
      </c>
      <c r="J198" s="57"/>
      <c r="K198" s="43"/>
      <c r="L198" s="43"/>
      <c r="M198" s="58"/>
      <c r="N198" s="17"/>
      <c r="O198" s="18"/>
    </row>
    <row r="199" spans="2:15" s="36" customFormat="1" ht="15" customHeight="1">
      <c r="B199" s="53">
        <v>138</v>
      </c>
      <c r="C199" s="34">
        <v>99102</v>
      </c>
      <c r="D199" s="59"/>
      <c r="E199" s="60"/>
      <c r="F199" s="60"/>
      <c r="G199" s="60"/>
      <c r="H199" s="60"/>
      <c r="I199" s="60" t="s">
        <v>166</v>
      </c>
      <c r="J199" s="60"/>
      <c r="K199" s="43"/>
      <c r="L199" s="43"/>
      <c r="M199" s="58"/>
      <c r="N199" s="17"/>
      <c r="O199" s="18"/>
    </row>
    <row r="200" spans="2:15" s="36" customFormat="1" ht="15" customHeight="1">
      <c r="B200" s="53">
        <v>139</v>
      </c>
      <c r="C200" s="34">
        <v>99107</v>
      </c>
      <c r="D200" s="54"/>
      <c r="E200" s="57"/>
      <c r="F200" s="57"/>
      <c r="G200" s="57"/>
      <c r="H200" s="57" t="s">
        <v>167</v>
      </c>
      <c r="I200" s="57"/>
      <c r="J200" s="57"/>
      <c r="K200" s="43"/>
      <c r="L200" s="43"/>
      <c r="M200" s="58"/>
      <c r="N200" s="17"/>
      <c r="O200" s="18"/>
    </row>
    <row r="201" spans="2:15" s="36" customFormat="1" ht="15" customHeight="1">
      <c r="B201" s="53">
        <v>140</v>
      </c>
      <c r="C201" s="34">
        <v>99108</v>
      </c>
      <c r="D201" s="59"/>
      <c r="E201" s="60"/>
      <c r="F201" s="60"/>
      <c r="G201" s="60"/>
      <c r="H201" s="60" t="s">
        <v>168</v>
      </c>
      <c r="I201" s="60"/>
      <c r="J201" s="60"/>
      <c r="K201" s="43"/>
      <c r="L201" s="43"/>
      <c r="M201" s="58"/>
      <c r="N201" s="17"/>
      <c r="O201" s="18"/>
    </row>
    <row r="202" spans="2:15" s="36" customFormat="1" ht="15" customHeight="1">
      <c r="B202" s="53"/>
      <c r="C202" s="34">
        <v>98729</v>
      </c>
      <c r="D202" s="54"/>
      <c r="E202" s="57"/>
      <c r="F202" s="57"/>
      <c r="G202" s="57" t="s">
        <v>169</v>
      </c>
      <c r="H202" s="56"/>
      <c r="I202" s="56"/>
      <c r="J202" s="56"/>
      <c r="K202" s="43"/>
      <c r="L202" s="43"/>
      <c r="M202" s="58"/>
      <c r="N202" s="17"/>
      <c r="O202" s="18"/>
    </row>
    <row r="203" spans="2:15" s="36" customFormat="1" ht="15" customHeight="1">
      <c r="B203" s="53"/>
      <c r="C203" s="34">
        <v>3090</v>
      </c>
      <c r="D203" s="54"/>
      <c r="E203" s="57"/>
      <c r="F203" s="57"/>
      <c r="G203" s="57"/>
      <c r="H203" s="57" t="s">
        <v>170</v>
      </c>
      <c r="I203" s="56"/>
      <c r="J203" s="56"/>
      <c r="K203" s="43"/>
      <c r="L203" s="43"/>
      <c r="M203" s="58"/>
      <c r="N203" s="17"/>
      <c r="O203" s="18"/>
    </row>
    <row r="204" spans="2:15" s="36" customFormat="1" ht="15" customHeight="1">
      <c r="B204" s="53"/>
      <c r="C204" s="34">
        <v>3188</v>
      </c>
      <c r="D204" s="54"/>
      <c r="E204" s="57"/>
      <c r="F204" s="57"/>
      <c r="G204" s="57"/>
      <c r="H204" s="57"/>
      <c r="I204" s="57" t="s">
        <v>171</v>
      </c>
      <c r="J204" s="56"/>
      <c r="K204" s="43"/>
      <c r="L204" s="43"/>
      <c r="M204" s="58"/>
      <c r="N204" s="17"/>
      <c r="O204" s="18"/>
    </row>
    <row r="205" spans="2:15" s="36" customFormat="1" ht="15" customHeight="1">
      <c r="B205" s="53">
        <v>141</v>
      </c>
      <c r="C205" s="34">
        <v>99126</v>
      </c>
      <c r="D205" s="54"/>
      <c r="E205" s="57"/>
      <c r="F205" s="57"/>
      <c r="G205" s="57"/>
      <c r="H205" s="57"/>
      <c r="I205" s="57"/>
      <c r="J205" s="57" t="s">
        <v>218</v>
      </c>
      <c r="K205" s="43"/>
      <c r="L205" s="43"/>
      <c r="M205" s="58"/>
      <c r="N205" s="17"/>
      <c r="O205" s="18"/>
    </row>
    <row r="206" spans="2:15" s="36" customFormat="1" ht="15" customHeight="1">
      <c r="B206" s="53">
        <v>142</v>
      </c>
      <c r="C206" s="34">
        <v>185</v>
      </c>
      <c r="D206" s="59"/>
      <c r="E206" s="60"/>
      <c r="F206" s="60"/>
      <c r="G206" s="60"/>
      <c r="H206" s="60"/>
      <c r="I206" s="60" t="s">
        <v>138</v>
      </c>
      <c r="J206" s="60"/>
      <c r="K206" s="43"/>
      <c r="L206" s="43"/>
      <c r="M206" s="58"/>
      <c r="N206" s="17"/>
      <c r="O206" s="18"/>
    </row>
    <row r="207" spans="2:15" s="36" customFormat="1" ht="15" customHeight="1">
      <c r="B207" s="53">
        <v>143</v>
      </c>
      <c r="C207" s="34">
        <v>99124</v>
      </c>
      <c r="D207" s="54"/>
      <c r="E207" s="57"/>
      <c r="F207" s="57"/>
      <c r="G207" s="57"/>
      <c r="H207" s="57"/>
      <c r="I207" s="57" t="s">
        <v>172</v>
      </c>
      <c r="J207" s="57"/>
      <c r="K207" s="43"/>
      <c r="L207" s="43"/>
      <c r="M207" s="58"/>
      <c r="N207" s="17"/>
      <c r="O207" s="18"/>
    </row>
    <row r="208" spans="2:15" s="36" customFormat="1" ht="15" customHeight="1">
      <c r="B208" s="53">
        <v>144</v>
      </c>
      <c r="C208" s="34">
        <v>99125</v>
      </c>
      <c r="D208" s="59"/>
      <c r="E208" s="60"/>
      <c r="F208" s="60"/>
      <c r="G208" s="60"/>
      <c r="H208" s="60"/>
      <c r="I208" s="60" t="s">
        <v>173</v>
      </c>
      <c r="J208" s="60"/>
      <c r="K208" s="43"/>
      <c r="L208" s="43"/>
      <c r="M208" s="58"/>
      <c r="N208" s="17"/>
      <c r="O208" s="18"/>
    </row>
    <row r="209" spans="2:15" s="36" customFormat="1" ht="15" customHeight="1">
      <c r="B209" s="53"/>
      <c r="C209" s="34">
        <v>3091</v>
      </c>
      <c r="D209" s="54"/>
      <c r="E209" s="57"/>
      <c r="F209" s="57"/>
      <c r="G209" s="57"/>
      <c r="H209" s="57" t="s">
        <v>174</v>
      </c>
      <c r="I209" s="56"/>
      <c r="J209" s="56"/>
      <c r="K209" s="43"/>
      <c r="L209" s="43"/>
      <c r="M209" s="58"/>
      <c r="N209" s="17"/>
      <c r="O209" s="18"/>
    </row>
    <row r="210" spans="2:15" s="36" customFormat="1" ht="15" customHeight="1">
      <c r="B210" s="53"/>
      <c r="C210" s="34">
        <v>95498</v>
      </c>
      <c r="D210" s="54"/>
      <c r="E210" s="57"/>
      <c r="F210" s="57"/>
      <c r="G210" s="57"/>
      <c r="H210" s="57"/>
      <c r="I210" s="57" t="s">
        <v>175</v>
      </c>
      <c r="J210" s="56"/>
      <c r="K210" s="43"/>
      <c r="L210" s="43"/>
      <c r="M210" s="58"/>
      <c r="N210" s="17"/>
      <c r="O210" s="18"/>
    </row>
    <row r="211" spans="2:15" s="36" customFormat="1" ht="15" customHeight="1">
      <c r="B211" s="53">
        <v>145</v>
      </c>
      <c r="C211" s="34">
        <v>99109</v>
      </c>
      <c r="D211" s="54"/>
      <c r="E211" s="57"/>
      <c r="F211" s="57"/>
      <c r="G211" s="57"/>
      <c r="H211" s="57"/>
      <c r="I211" s="57"/>
      <c r="J211" s="57" t="s">
        <v>176</v>
      </c>
      <c r="K211" s="43"/>
      <c r="L211" s="43"/>
      <c r="M211" s="58"/>
      <c r="N211" s="17"/>
      <c r="O211" s="18"/>
    </row>
    <row r="212" spans="2:15" s="36" customFormat="1" ht="15" customHeight="1">
      <c r="B212" s="53">
        <v>146</v>
      </c>
      <c r="C212" s="34">
        <v>99110</v>
      </c>
      <c r="D212" s="59"/>
      <c r="E212" s="60"/>
      <c r="F212" s="60"/>
      <c r="G212" s="60"/>
      <c r="H212" s="60"/>
      <c r="I212" s="60"/>
      <c r="J212" s="60" t="s">
        <v>177</v>
      </c>
      <c r="K212" s="43"/>
      <c r="L212" s="43"/>
      <c r="M212" s="58"/>
      <c r="N212" s="17"/>
      <c r="O212" s="18"/>
    </row>
    <row r="213" spans="2:15" s="36" customFormat="1" ht="15" customHeight="1">
      <c r="B213" s="53">
        <v>147</v>
      </c>
      <c r="C213" s="34">
        <v>99111</v>
      </c>
      <c r="D213" s="54"/>
      <c r="E213" s="57"/>
      <c r="F213" s="57"/>
      <c r="G213" s="57"/>
      <c r="H213" s="57"/>
      <c r="I213" s="57"/>
      <c r="J213" s="57" t="s">
        <v>178</v>
      </c>
      <c r="K213" s="43"/>
      <c r="L213" s="43"/>
      <c r="M213" s="58"/>
      <c r="N213" s="17"/>
      <c r="O213" s="18"/>
    </row>
    <row r="214" spans="2:15" s="36" customFormat="1" ht="15" customHeight="1">
      <c r="B214" s="53">
        <v>148</v>
      </c>
      <c r="C214" s="34">
        <v>99112</v>
      </c>
      <c r="D214" s="59"/>
      <c r="E214" s="60"/>
      <c r="F214" s="60"/>
      <c r="G214" s="60"/>
      <c r="H214" s="60"/>
      <c r="I214" s="60"/>
      <c r="J214" s="60" t="s">
        <v>179</v>
      </c>
      <c r="K214" s="43"/>
      <c r="L214" s="43"/>
      <c r="M214" s="58"/>
      <c r="N214" s="17"/>
      <c r="O214" s="18"/>
    </row>
    <row r="215" spans="2:15" s="36" customFormat="1" ht="15" customHeight="1">
      <c r="B215" s="53">
        <v>149</v>
      </c>
      <c r="C215" s="34">
        <v>99113</v>
      </c>
      <c r="D215" s="54"/>
      <c r="E215" s="57"/>
      <c r="F215" s="57"/>
      <c r="G215" s="57"/>
      <c r="H215" s="57"/>
      <c r="I215" s="57"/>
      <c r="J215" s="57" t="s">
        <v>180</v>
      </c>
      <c r="K215" s="43"/>
      <c r="L215" s="43"/>
      <c r="M215" s="58"/>
      <c r="N215" s="17"/>
      <c r="O215" s="18"/>
    </row>
    <row r="216" spans="2:15">
      <c r="B216" s="61">
        <v>150</v>
      </c>
      <c r="C216" s="34">
        <v>99114</v>
      </c>
      <c r="D216" s="59"/>
      <c r="E216" s="60"/>
      <c r="F216" s="60"/>
      <c r="G216" s="60"/>
      <c r="H216" s="60"/>
      <c r="I216" s="60"/>
      <c r="J216" s="60" t="s">
        <v>181</v>
      </c>
      <c r="K216" s="62"/>
      <c r="L216" s="62"/>
      <c r="M216" s="63"/>
      <c r="N216" s="49"/>
      <c r="O216" s="50"/>
    </row>
    <row r="217" spans="2:15">
      <c r="B217" s="61"/>
      <c r="C217" s="34">
        <v>95499</v>
      </c>
      <c r="D217" s="54"/>
      <c r="E217" s="57"/>
      <c r="F217" s="57"/>
      <c r="G217" s="57"/>
      <c r="H217" s="57"/>
      <c r="I217" s="57" t="s">
        <v>182</v>
      </c>
      <c r="J217" s="56"/>
      <c r="K217" s="62"/>
      <c r="L217" s="62"/>
      <c r="M217" s="63"/>
      <c r="N217" s="49"/>
      <c r="O217" s="50"/>
    </row>
    <row r="218" spans="2:15">
      <c r="B218" s="61">
        <v>151</v>
      </c>
      <c r="C218" s="34">
        <v>99119</v>
      </c>
      <c r="D218" s="54"/>
      <c r="E218" s="57"/>
      <c r="F218" s="57"/>
      <c r="G218" s="57"/>
      <c r="H218" s="57"/>
      <c r="I218" s="57"/>
      <c r="J218" s="57" t="s">
        <v>183</v>
      </c>
      <c r="K218" s="62"/>
      <c r="L218" s="62"/>
      <c r="M218" s="63"/>
      <c r="N218" s="49"/>
      <c r="O218" s="50"/>
    </row>
    <row r="219" spans="2:15">
      <c r="B219" s="61">
        <v>152</v>
      </c>
      <c r="C219" s="34">
        <v>99120</v>
      </c>
      <c r="D219" s="59"/>
      <c r="E219" s="60"/>
      <c r="F219" s="60"/>
      <c r="G219" s="60"/>
      <c r="H219" s="60"/>
      <c r="I219" s="60"/>
      <c r="J219" s="60" t="s">
        <v>184</v>
      </c>
      <c r="K219" s="62"/>
      <c r="L219" s="62"/>
      <c r="M219" s="63"/>
      <c r="N219" s="49"/>
      <c r="O219" s="50"/>
    </row>
    <row r="220" spans="2:15">
      <c r="B220" s="61">
        <v>153</v>
      </c>
      <c r="C220" s="34">
        <v>99121</v>
      </c>
      <c r="D220" s="54"/>
      <c r="E220" s="57"/>
      <c r="F220" s="57"/>
      <c r="G220" s="57"/>
      <c r="H220" s="57"/>
      <c r="I220" s="57"/>
      <c r="J220" s="57" t="s">
        <v>185</v>
      </c>
      <c r="K220" s="62"/>
      <c r="L220" s="62"/>
      <c r="M220" s="63"/>
      <c r="N220" s="49"/>
      <c r="O220" s="50"/>
    </row>
    <row r="221" spans="2:15">
      <c r="B221" s="61">
        <v>154</v>
      </c>
      <c r="C221" s="34">
        <v>99122</v>
      </c>
      <c r="D221" s="59"/>
      <c r="E221" s="60"/>
      <c r="F221" s="60"/>
      <c r="G221" s="60"/>
      <c r="H221" s="60"/>
      <c r="I221" s="60"/>
      <c r="J221" s="60" t="s">
        <v>186</v>
      </c>
      <c r="K221" s="62"/>
      <c r="L221" s="62"/>
      <c r="M221" s="63"/>
      <c r="N221" s="49"/>
      <c r="O221" s="50"/>
    </row>
    <row r="222" spans="2:15">
      <c r="B222" s="61">
        <v>155</v>
      </c>
      <c r="C222" s="34">
        <v>99123</v>
      </c>
      <c r="D222" s="54"/>
      <c r="E222" s="57"/>
      <c r="F222" s="57"/>
      <c r="G222" s="57"/>
      <c r="H222" s="57"/>
      <c r="I222" s="57"/>
      <c r="J222" s="57" t="s">
        <v>187</v>
      </c>
      <c r="K222" s="62"/>
      <c r="L222" s="62"/>
      <c r="M222" s="63"/>
      <c r="N222" s="49"/>
      <c r="O222" s="50"/>
    </row>
    <row r="223" spans="2:15">
      <c r="B223" s="61"/>
      <c r="C223" s="34">
        <v>95500</v>
      </c>
      <c r="D223" s="59"/>
      <c r="E223" s="60"/>
      <c r="F223" s="60"/>
      <c r="G223" s="60"/>
      <c r="H223" s="60"/>
      <c r="I223" s="60" t="s">
        <v>188</v>
      </c>
      <c r="J223" s="56"/>
      <c r="K223" s="62"/>
      <c r="L223" s="62"/>
      <c r="M223" s="63"/>
      <c r="N223" s="49"/>
      <c r="O223" s="50"/>
    </row>
    <row r="224" spans="2:15">
      <c r="B224" s="61">
        <v>156</v>
      </c>
      <c r="C224" s="34">
        <v>99118</v>
      </c>
      <c r="D224" s="59"/>
      <c r="E224" s="60"/>
      <c r="F224" s="60"/>
      <c r="G224" s="60"/>
      <c r="H224" s="60"/>
      <c r="I224" s="60"/>
      <c r="J224" s="60" t="s">
        <v>189</v>
      </c>
      <c r="K224" s="62"/>
      <c r="L224" s="62"/>
      <c r="M224" s="63"/>
      <c r="N224" s="49"/>
      <c r="O224" s="50"/>
    </row>
    <row r="225" spans="2:15">
      <c r="B225" s="61">
        <v>157</v>
      </c>
      <c r="C225" s="34">
        <v>99104</v>
      </c>
      <c r="D225" s="54"/>
      <c r="E225" s="57"/>
      <c r="F225" s="57"/>
      <c r="G225" s="57"/>
      <c r="H225" s="57"/>
      <c r="I225" s="57"/>
      <c r="J225" s="57" t="s">
        <v>156</v>
      </c>
      <c r="K225" s="62"/>
      <c r="L225" s="62"/>
      <c r="M225" s="63"/>
      <c r="N225" s="49"/>
      <c r="O225" s="50"/>
    </row>
    <row r="226" spans="2:15">
      <c r="B226" s="61">
        <v>158</v>
      </c>
      <c r="C226" s="34">
        <v>99117</v>
      </c>
      <c r="D226" s="59"/>
      <c r="E226" s="60"/>
      <c r="F226" s="60"/>
      <c r="G226" s="60"/>
      <c r="H226" s="60"/>
      <c r="I226" s="60"/>
      <c r="J226" s="60" t="s">
        <v>190</v>
      </c>
      <c r="K226" s="62"/>
      <c r="L226" s="62"/>
      <c r="M226" s="63"/>
      <c r="N226" s="49"/>
      <c r="O226" s="50"/>
    </row>
    <row r="227" spans="2:15">
      <c r="B227" s="61">
        <v>159</v>
      </c>
      <c r="C227" s="34">
        <v>95507</v>
      </c>
      <c r="D227" s="54"/>
      <c r="E227" s="57"/>
      <c r="F227" s="57"/>
      <c r="G227" s="57"/>
      <c r="H227" s="57"/>
      <c r="I227" s="57" t="s">
        <v>191</v>
      </c>
      <c r="J227" s="57"/>
      <c r="K227" s="62"/>
      <c r="L227" s="62"/>
      <c r="M227" s="63"/>
      <c r="N227" s="49"/>
      <c r="O227" s="50"/>
    </row>
    <row r="228" spans="2:15">
      <c r="B228" s="61"/>
      <c r="C228" s="34">
        <v>98730</v>
      </c>
      <c r="D228" s="59"/>
      <c r="E228" s="60"/>
      <c r="F228" s="60"/>
      <c r="G228" s="60" t="s">
        <v>192</v>
      </c>
      <c r="H228" s="56"/>
      <c r="I228" s="60"/>
      <c r="J228" s="60"/>
      <c r="K228" s="62"/>
      <c r="L228" s="62"/>
      <c r="M228" s="63"/>
      <c r="N228" s="49"/>
      <c r="O228" s="50"/>
    </row>
    <row r="229" spans="2:15">
      <c r="B229" s="61">
        <v>160</v>
      </c>
      <c r="C229" s="34">
        <v>1461</v>
      </c>
      <c r="D229" s="59"/>
      <c r="E229" s="60"/>
      <c r="F229" s="60"/>
      <c r="G229" s="60"/>
      <c r="H229" s="60" t="s">
        <v>193</v>
      </c>
      <c r="I229" s="60"/>
      <c r="J229" s="60"/>
      <c r="K229" s="62"/>
      <c r="L229" s="62"/>
      <c r="M229" s="63"/>
      <c r="N229" s="49"/>
      <c r="O229" s="50"/>
    </row>
    <row r="230" spans="2:15">
      <c r="B230" s="61"/>
      <c r="C230" s="34">
        <v>156532</v>
      </c>
      <c r="D230" s="54"/>
      <c r="E230" s="57"/>
      <c r="F230" s="57" t="s">
        <v>194</v>
      </c>
      <c r="G230" s="56"/>
      <c r="H230" s="57"/>
      <c r="I230" s="57"/>
      <c r="J230" s="57"/>
      <c r="K230" s="62"/>
      <c r="L230" s="62"/>
      <c r="M230" s="63"/>
      <c r="N230" s="49"/>
      <c r="O230" s="50"/>
    </row>
    <row r="231" spans="2:15">
      <c r="B231" s="61">
        <v>161</v>
      </c>
      <c r="C231" s="34">
        <v>138</v>
      </c>
      <c r="D231" s="54"/>
      <c r="E231" s="57"/>
      <c r="F231" s="57"/>
      <c r="G231" s="57" t="s">
        <v>195</v>
      </c>
      <c r="H231" s="57"/>
      <c r="I231" s="57"/>
      <c r="J231" s="57"/>
      <c r="K231" s="62"/>
      <c r="L231" s="62"/>
      <c r="M231" s="63"/>
      <c r="N231" s="49"/>
      <c r="O231" s="50"/>
    </row>
    <row r="232" spans="2:15">
      <c r="B232" s="61">
        <v>162</v>
      </c>
      <c r="C232" s="34">
        <v>567</v>
      </c>
      <c r="D232" s="59"/>
      <c r="E232" s="60"/>
      <c r="F232" s="60"/>
      <c r="G232" s="60" t="s">
        <v>196</v>
      </c>
      <c r="H232" s="60"/>
      <c r="I232" s="60"/>
      <c r="J232" s="60"/>
      <c r="K232" s="62"/>
      <c r="L232" s="62"/>
      <c r="M232" s="63"/>
      <c r="N232" s="49"/>
      <c r="O232" s="50"/>
    </row>
    <row r="233" spans="2:15">
      <c r="B233" s="61">
        <v>163</v>
      </c>
      <c r="C233" s="34">
        <v>904</v>
      </c>
      <c r="D233" s="54"/>
      <c r="E233" s="57"/>
      <c r="F233" s="57"/>
      <c r="G233" s="57" t="s">
        <v>197</v>
      </c>
      <c r="H233" s="57"/>
      <c r="I233" s="57"/>
      <c r="J233" s="57"/>
      <c r="K233" s="62"/>
      <c r="L233" s="62"/>
      <c r="M233" s="63"/>
      <c r="N233" s="49"/>
      <c r="O233" s="50"/>
    </row>
    <row r="234" spans="2:15">
      <c r="B234" s="61">
        <v>164</v>
      </c>
      <c r="C234" s="34">
        <v>3444</v>
      </c>
      <c r="D234" s="59"/>
      <c r="E234" s="60"/>
      <c r="F234" s="60"/>
      <c r="G234" s="60" t="s">
        <v>198</v>
      </c>
      <c r="H234" s="60"/>
      <c r="I234" s="60"/>
      <c r="J234" s="60"/>
      <c r="K234" s="62"/>
      <c r="L234" s="62"/>
      <c r="M234" s="63"/>
      <c r="N234" s="49"/>
      <c r="O234" s="50"/>
    </row>
    <row r="235" spans="2:15">
      <c r="B235" s="61"/>
      <c r="C235" s="34">
        <v>52</v>
      </c>
      <c r="D235" s="54"/>
      <c r="E235" s="57"/>
      <c r="F235" s="57"/>
      <c r="G235" s="57" t="s">
        <v>199</v>
      </c>
      <c r="H235" s="56"/>
      <c r="I235" s="57"/>
      <c r="J235" s="57"/>
      <c r="K235" s="62"/>
      <c r="L235" s="62"/>
      <c r="M235" s="63"/>
      <c r="N235" s="49"/>
      <c r="O235" s="50"/>
    </row>
    <row r="236" spans="2:15">
      <c r="B236" s="61">
        <v>165</v>
      </c>
      <c r="C236" s="34">
        <v>261629</v>
      </c>
      <c r="D236" s="54"/>
      <c r="E236" s="57"/>
      <c r="F236" s="57"/>
      <c r="G236" s="57"/>
      <c r="H236" s="57" t="s">
        <v>200</v>
      </c>
      <c r="I236" s="57"/>
      <c r="J236" s="57"/>
      <c r="K236" s="62"/>
      <c r="L236" s="62"/>
      <c r="M236" s="63"/>
      <c r="N236" s="49"/>
      <c r="O236" s="50"/>
    </row>
    <row r="237" spans="2:15">
      <c r="B237" s="61">
        <v>166</v>
      </c>
      <c r="C237" s="34">
        <v>261600</v>
      </c>
      <c r="D237" s="59"/>
      <c r="E237" s="60"/>
      <c r="F237" s="60"/>
      <c r="G237" s="60"/>
      <c r="H237" s="60" t="s">
        <v>201</v>
      </c>
      <c r="I237" s="60"/>
      <c r="J237" s="60"/>
      <c r="K237" s="62"/>
      <c r="L237" s="62"/>
      <c r="M237" s="63"/>
      <c r="N237" s="49"/>
      <c r="O237" s="50"/>
    </row>
    <row r="238" spans="2:15">
      <c r="B238" s="61">
        <v>167</v>
      </c>
      <c r="C238" s="34">
        <v>261619</v>
      </c>
      <c r="D238" s="54"/>
      <c r="E238" s="57"/>
      <c r="F238" s="57"/>
      <c r="G238" s="57"/>
      <c r="H238" s="57" t="s">
        <v>202</v>
      </c>
      <c r="I238" s="57"/>
      <c r="J238" s="57"/>
      <c r="K238" s="62"/>
      <c r="L238" s="62"/>
      <c r="M238" s="63"/>
      <c r="N238" s="49"/>
      <c r="O238" s="50"/>
    </row>
    <row r="239" spans="2:15">
      <c r="B239" s="61">
        <v>168</v>
      </c>
      <c r="C239" s="34">
        <v>289</v>
      </c>
      <c r="D239" s="59"/>
      <c r="E239" s="60"/>
      <c r="F239" s="60"/>
      <c r="G239" s="60" t="s">
        <v>203</v>
      </c>
      <c r="H239" s="60"/>
      <c r="I239" s="60"/>
      <c r="J239" s="60"/>
      <c r="K239" s="62"/>
      <c r="L239" s="62"/>
      <c r="M239" s="63"/>
      <c r="N239" s="49"/>
      <c r="O239" s="50"/>
    </row>
    <row r="240" spans="2:15">
      <c r="B240" s="61">
        <v>169</v>
      </c>
      <c r="C240" s="34">
        <v>392</v>
      </c>
      <c r="D240" s="54"/>
      <c r="E240" s="57"/>
      <c r="F240" s="57"/>
      <c r="G240" s="57" t="s">
        <v>8</v>
      </c>
      <c r="H240" s="57"/>
      <c r="I240" s="57"/>
      <c r="J240" s="57"/>
      <c r="K240" s="62"/>
      <c r="L240" s="62"/>
      <c r="M240" s="63"/>
      <c r="N240" s="49"/>
      <c r="O240" s="50"/>
    </row>
    <row r="241" spans="2:15">
      <c r="B241" s="61">
        <v>170</v>
      </c>
      <c r="C241" s="34">
        <v>1352</v>
      </c>
      <c r="D241" s="59"/>
      <c r="E241" s="60"/>
      <c r="F241" s="60"/>
      <c r="G241" s="60" t="s">
        <v>204</v>
      </c>
      <c r="H241" s="60"/>
      <c r="I241" s="60"/>
      <c r="J241" s="60"/>
      <c r="K241" s="62"/>
      <c r="L241" s="62"/>
      <c r="M241" s="63"/>
      <c r="N241" s="49"/>
      <c r="O241" s="50"/>
    </row>
    <row r="242" spans="2:15">
      <c r="B242" s="61">
        <v>171</v>
      </c>
      <c r="C242" s="34">
        <v>2516</v>
      </c>
      <c r="D242" s="54"/>
      <c r="E242" s="57"/>
      <c r="F242" s="57"/>
      <c r="G242" s="57" t="s">
        <v>205</v>
      </c>
      <c r="H242" s="57"/>
      <c r="I242" s="57"/>
      <c r="J242" s="57"/>
      <c r="K242" s="62"/>
      <c r="L242" s="62"/>
      <c r="M242" s="63"/>
      <c r="N242" s="49"/>
      <c r="O242" s="50"/>
    </row>
    <row r="243" spans="2:15">
      <c r="B243" s="61">
        <v>172</v>
      </c>
      <c r="C243" s="34">
        <v>2886</v>
      </c>
      <c r="D243" s="59"/>
      <c r="E243" s="60"/>
      <c r="F243" s="60"/>
      <c r="G243" s="60" t="s">
        <v>206</v>
      </c>
      <c r="H243" s="60"/>
      <c r="I243" s="60"/>
      <c r="J243" s="60"/>
      <c r="K243" s="62"/>
      <c r="L243" s="62"/>
      <c r="M243" s="63"/>
      <c r="N243" s="49"/>
      <c r="O243" s="50"/>
    </row>
    <row r="244" spans="2:15">
      <c r="B244" s="61">
        <v>173</v>
      </c>
      <c r="C244" s="34">
        <v>1479</v>
      </c>
      <c r="D244" s="54"/>
      <c r="E244" s="57"/>
      <c r="F244" s="57"/>
      <c r="G244" s="57" t="s">
        <v>9</v>
      </c>
      <c r="H244" s="57"/>
      <c r="I244" s="57"/>
      <c r="J244" s="57"/>
      <c r="K244" s="62"/>
      <c r="L244" s="62"/>
      <c r="M244" s="63"/>
      <c r="N244" s="49"/>
      <c r="O244" s="50"/>
    </row>
    <row r="245" spans="2:15">
      <c r="B245" s="61">
        <v>174</v>
      </c>
      <c r="C245" s="34">
        <v>3316</v>
      </c>
      <c r="D245" s="59"/>
      <c r="E245" s="60"/>
      <c r="F245" s="60"/>
      <c r="G245" s="60" t="s">
        <v>207</v>
      </c>
      <c r="H245" s="60"/>
      <c r="I245" s="60"/>
      <c r="J245" s="60"/>
      <c r="K245" s="62"/>
      <c r="L245" s="62"/>
      <c r="M245" s="63"/>
      <c r="N245" s="49"/>
      <c r="O245" s="50"/>
    </row>
    <row r="246" spans="2:15">
      <c r="B246" s="61">
        <v>175</v>
      </c>
      <c r="C246" s="34">
        <v>42775</v>
      </c>
      <c r="D246" s="54"/>
      <c r="E246" s="57"/>
      <c r="F246" s="57"/>
      <c r="G246" s="57" t="s">
        <v>208</v>
      </c>
      <c r="H246" s="57"/>
      <c r="I246" s="57"/>
      <c r="J246" s="57"/>
      <c r="K246" s="62"/>
      <c r="L246" s="62"/>
      <c r="M246" s="63"/>
      <c r="N246" s="49"/>
      <c r="O246" s="50"/>
    </row>
    <row r="247" spans="2:15">
      <c r="B247" s="61">
        <v>176</v>
      </c>
      <c r="C247" s="34">
        <v>69737</v>
      </c>
      <c r="D247" s="59"/>
      <c r="E247" s="60"/>
      <c r="F247" s="60"/>
      <c r="G247" s="60" t="s">
        <v>209</v>
      </c>
      <c r="H247" s="60"/>
      <c r="I247" s="60"/>
      <c r="J247" s="60"/>
      <c r="K247" s="62"/>
      <c r="L247" s="62"/>
      <c r="M247" s="63"/>
      <c r="N247" s="49"/>
      <c r="O247" s="50"/>
    </row>
    <row r="248" spans="2:15">
      <c r="B248" s="61">
        <v>177</v>
      </c>
      <c r="C248" s="34">
        <v>75389</v>
      </c>
      <c r="D248" s="54"/>
      <c r="E248" s="57"/>
      <c r="F248" s="57"/>
      <c r="G248" s="57" t="s">
        <v>210</v>
      </c>
      <c r="H248" s="57"/>
      <c r="I248" s="57"/>
      <c r="J248" s="57"/>
      <c r="K248" s="62"/>
      <c r="L248" s="62"/>
      <c r="M248" s="63"/>
      <c r="N248" s="49"/>
      <c r="O248" s="50"/>
    </row>
    <row r="249" spans="2:15">
      <c r="B249" s="61">
        <v>178</v>
      </c>
      <c r="C249" s="34">
        <v>137628</v>
      </c>
      <c r="D249" s="59"/>
      <c r="E249" s="60"/>
      <c r="F249" s="60"/>
      <c r="G249" s="60" t="s">
        <v>211</v>
      </c>
      <c r="H249" s="60"/>
      <c r="I249" s="60"/>
      <c r="J249" s="60"/>
      <c r="K249" s="62"/>
      <c r="L249" s="62"/>
      <c r="M249" s="63"/>
      <c r="N249" s="49"/>
      <c r="O249" s="50"/>
    </row>
    <row r="250" spans="2:15">
      <c r="B250" s="61">
        <v>179</v>
      </c>
      <c r="C250" s="34">
        <v>178503</v>
      </c>
      <c r="D250" s="54"/>
      <c r="E250" s="57"/>
      <c r="F250" s="57"/>
      <c r="G250" s="57" t="s">
        <v>212</v>
      </c>
      <c r="H250" s="57"/>
      <c r="I250" s="57"/>
      <c r="J250" s="57"/>
      <c r="K250" s="62"/>
      <c r="L250" s="62"/>
      <c r="M250" s="63"/>
      <c r="N250" s="49"/>
      <c r="O250" s="50"/>
    </row>
    <row r="251" spans="2:15">
      <c r="B251" s="61">
        <v>180</v>
      </c>
      <c r="C251" s="34">
        <v>217026</v>
      </c>
      <c r="D251" s="59"/>
      <c r="E251" s="60"/>
      <c r="F251" s="60"/>
      <c r="G251" s="60" t="s">
        <v>213</v>
      </c>
      <c r="H251" s="60"/>
      <c r="I251" s="60"/>
      <c r="J251" s="60"/>
      <c r="K251" s="62"/>
      <c r="L251" s="62"/>
      <c r="M251" s="63"/>
      <c r="N251" s="49"/>
      <c r="O251" s="50"/>
    </row>
    <row r="252" spans="2:15">
      <c r="B252" s="61">
        <v>181</v>
      </c>
      <c r="C252" s="34">
        <v>228190</v>
      </c>
      <c r="D252" s="54"/>
      <c r="E252" s="57"/>
      <c r="F252" s="57"/>
      <c r="G252" s="57" t="s">
        <v>214</v>
      </c>
      <c r="H252" s="57"/>
      <c r="I252" s="57"/>
      <c r="J252" s="57"/>
      <c r="K252" s="62"/>
      <c r="L252" s="62"/>
      <c r="M252" s="63"/>
      <c r="N252" s="49"/>
      <c r="O252" s="50"/>
    </row>
    <row r="253" spans="2:15">
      <c r="B253" s="61">
        <v>182</v>
      </c>
      <c r="C253" s="34">
        <v>228410</v>
      </c>
      <c r="D253" s="59"/>
      <c r="E253" s="60"/>
      <c r="F253" s="60"/>
      <c r="G253" s="60" t="s">
        <v>215</v>
      </c>
      <c r="H253" s="60"/>
      <c r="I253" s="60"/>
      <c r="J253" s="60"/>
      <c r="K253" s="62"/>
      <c r="L253" s="62"/>
      <c r="M253" s="63"/>
      <c r="N253" s="49"/>
      <c r="O253" s="50"/>
    </row>
    <row r="254" spans="2:15">
      <c r="B254" s="61">
        <v>183</v>
      </c>
      <c r="C254" s="34">
        <v>230851</v>
      </c>
      <c r="D254" s="54"/>
      <c r="E254" s="57"/>
      <c r="F254" s="57"/>
      <c r="G254" s="57" t="s">
        <v>216</v>
      </c>
      <c r="H254" s="57"/>
      <c r="I254" s="57"/>
      <c r="J254" s="57"/>
      <c r="K254" s="62"/>
      <c r="L254" s="62"/>
      <c r="M254" s="63"/>
      <c r="N254" s="49"/>
      <c r="O254" s="50"/>
    </row>
    <row r="255" spans="2:15" ht="15.75" thickBot="1">
      <c r="B255" s="64">
        <v>184</v>
      </c>
      <c r="C255" s="35">
        <v>284247</v>
      </c>
      <c r="D255" s="65"/>
      <c r="E255" s="66"/>
      <c r="F255" s="66"/>
      <c r="G255" s="66" t="s">
        <v>217</v>
      </c>
      <c r="H255" s="66"/>
      <c r="I255" s="66"/>
      <c r="J255" s="66"/>
      <c r="K255" s="67"/>
      <c r="L255" s="67"/>
      <c r="M255" s="68"/>
      <c r="N255" s="51"/>
      <c r="O255" s="52"/>
    </row>
    <row r="256" spans="2:15">
      <c r="B256" s="14"/>
      <c r="D256" s="36"/>
      <c r="E256" s="36"/>
      <c r="F256" s="36"/>
      <c r="G256" s="36"/>
      <c r="H256" s="36"/>
      <c r="I256" s="36"/>
      <c r="J256" s="36"/>
      <c r="K256" s="36"/>
      <c r="L256" s="36"/>
      <c r="M256" s="36"/>
    </row>
    <row r="257" spans="2:13">
      <c r="B257" s="14"/>
      <c r="C257" s="69" t="s">
        <v>220</v>
      </c>
      <c r="D257" s="36"/>
      <c r="E257" s="36"/>
      <c r="F257" s="36"/>
      <c r="G257" s="36"/>
      <c r="H257" s="36"/>
      <c r="I257" s="36"/>
      <c r="J257" s="36"/>
      <c r="K257" s="36"/>
      <c r="L257" s="36"/>
      <c r="M257" s="36"/>
    </row>
    <row r="258" spans="2:13">
      <c r="B258" s="14"/>
      <c r="D258" s="36"/>
      <c r="E258" s="36"/>
      <c r="F258" s="36"/>
      <c r="G258" s="36"/>
      <c r="H258" s="36"/>
      <c r="I258" s="36"/>
      <c r="J258" s="36"/>
      <c r="K258" s="36"/>
      <c r="L258" s="36"/>
      <c r="M258" s="36"/>
    </row>
    <row r="259" spans="2:13">
      <c r="D259" s="36"/>
      <c r="E259" s="36"/>
      <c r="F259" s="36"/>
      <c r="G259" s="36"/>
      <c r="H259" s="36"/>
      <c r="I259" s="36"/>
      <c r="J259" s="36"/>
    </row>
    <row r="260" spans="2:13">
      <c r="D260" s="36"/>
      <c r="E260" s="36"/>
      <c r="F260" s="36"/>
      <c r="G260" s="36"/>
      <c r="H260" s="36"/>
      <c r="I260" s="36"/>
      <c r="J260" s="36"/>
    </row>
    <row r="261" spans="2:13">
      <c r="D261" s="36"/>
      <c r="E261" s="36"/>
      <c r="F261" s="36"/>
      <c r="G261" s="36"/>
      <c r="H261" s="36"/>
      <c r="I261" s="36"/>
      <c r="J261" s="36"/>
    </row>
    <row r="262" spans="2:13">
      <c r="D262" s="36"/>
      <c r="E262" s="36"/>
      <c r="F262" s="36"/>
      <c r="G262" s="36"/>
      <c r="H262" s="36"/>
      <c r="I262" s="36"/>
      <c r="J262" s="36"/>
    </row>
    <row r="263" spans="2:13">
      <c r="D263" s="36"/>
      <c r="E263" s="36"/>
      <c r="F263" s="36"/>
      <c r="G263" s="36"/>
      <c r="H263" s="36"/>
      <c r="I263" s="36"/>
      <c r="J263" s="36"/>
    </row>
    <row r="264" spans="2:13">
      <c r="D264" s="36"/>
      <c r="E264" s="36"/>
      <c r="F264" s="36"/>
      <c r="G264" s="36"/>
      <c r="H264" s="36"/>
      <c r="I264" s="36"/>
      <c r="J264" s="36"/>
    </row>
    <row r="265" spans="2:13">
      <c r="D265" s="36"/>
      <c r="E265" s="36"/>
      <c r="F265" s="36"/>
      <c r="G265" s="36"/>
      <c r="H265" s="36"/>
      <c r="I265" s="36"/>
      <c r="J265" s="36"/>
    </row>
    <row r="266" spans="2:13">
      <c r="D266" s="36"/>
      <c r="E266" s="36"/>
      <c r="F266" s="36"/>
      <c r="G266" s="36"/>
      <c r="H266" s="36"/>
      <c r="I266" s="36"/>
      <c r="J266" s="36"/>
    </row>
    <row r="267" spans="2:13">
      <c r="D267" s="36"/>
      <c r="E267" s="36"/>
      <c r="F267" s="36"/>
      <c r="G267" s="36"/>
      <c r="H267" s="36"/>
      <c r="I267" s="36"/>
      <c r="J267" s="36"/>
    </row>
    <row r="268" spans="2:13">
      <c r="D268" s="36"/>
      <c r="E268" s="36"/>
      <c r="F268" s="36"/>
      <c r="G268" s="36"/>
      <c r="H268" s="36"/>
      <c r="I268" s="36"/>
      <c r="J268" s="36"/>
    </row>
    <row r="269" spans="2:13">
      <c r="D269" s="36"/>
      <c r="E269" s="36"/>
      <c r="F269" s="36"/>
      <c r="G269" s="36"/>
      <c r="H269" s="36"/>
      <c r="I269" s="36"/>
      <c r="J269" s="36"/>
    </row>
  </sheetData>
  <sheetProtection password="98D8" sheet="1" objects="1" scenarios="1" selectLockedCells="1"/>
  <mergeCells count="6">
    <mergeCell ref="C6:E6"/>
    <mergeCell ref="C7:E7"/>
    <mergeCell ref="E9:M9"/>
    <mergeCell ref="L3:O3"/>
    <mergeCell ref="L6:O6"/>
    <mergeCell ref="L7:O7"/>
  </mergeCells>
  <pageMargins left="0.75" right="0.75" top="1" bottom="1" header="0.5" footer="0.5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>
  <dimension ref="A1:O30"/>
  <sheetViews>
    <sheetView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4" hidden="1" customWidth="1"/>
    <col min="2" max="2" width="6.42578125" style="15" hidden="1" customWidth="1"/>
    <col min="3" max="3" width="10.85546875" style="14" customWidth="1"/>
    <col min="4" max="4" width="1.42578125" style="14" customWidth="1"/>
    <col min="5" max="12" width="3.5703125" style="14" customWidth="1"/>
    <col min="13" max="13" width="100.7109375" style="14" customWidth="1"/>
    <col min="14" max="14" width="20.85546875" style="14" customWidth="1"/>
    <col min="15" max="15" width="24.28515625" style="14" customWidth="1"/>
    <col min="16" max="16384" width="11.42578125" style="14"/>
  </cols>
  <sheetData>
    <row r="1" spans="2:15" ht="5.25" customHeight="1">
      <c r="B1" s="13"/>
      <c r="F1" s="15"/>
      <c r="G1" s="15"/>
      <c r="H1" s="15"/>
    </row>
    <row r="2" spans="2:15" ht="4.5" customHeight="1">
      <c r="B2" s="14"/>
      <c r="C2" s="1"/>
      <c r="D2" s="2"/>
      <c r="E2" s="2"/>
      <c r="F2" s="3"/>
      <c r="G2" s="3"/>
      <c r="H2" s="3"/>
      <c r="I2" s="3"/>
      <c r="J2" s="3"/>
      <c r="K2" s="3"/>
      <c r="L2" s="19"/>
      <c r="M2" s="16"/>
      <c r="N2" s="16"/>
      <c r="O2" s="20"/>
    </row>
    <row r="3" spans="2:15" s="21" customFormat="1" ht="21.75" thickBot="1">
      <c r="C3" s="4" t="s">
        <v>1</v>
      </c>
      <c r="D3" s="5"/>
      <c r="E3" s="5"/>
      <c r="F3" s="22"/>
      <c r="G3" s="23"/>
      <c r="H3" s="23"/>
      <c r="I3" s="23"/>
      <c r="J3" s="23"/>
      <c r="K3" s="23"/>
      <c r="L3" s="82"/>
      <c r="M3" s="83"/>
      <c r="N3" s="83"/>
      <c r="O3" s="84"/>
    </row>
    <row r="4" spans="2:15" s="21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4"/>
      <c r="M4" s="25"/>
      <c r="N4" s="25"/>
      <c r="O4" s="26"/>
    </row>
    <row r="5" spans="2:15" ht="7.5" customHeight="1">
      <c r="B5" s="14"/>
      <c r="C5" s="15"/>
      <c r="G5" s="15"/>
      <c r="H5" s="15"/>
      <c r="I5" s="15"/>
      <c r="J5" s="15"/>
      <c r="K5" s="15"/>
      <c r="M5" s="27"/>
      <c r="N5" s="27"/>
      <c r="O5" s="27"/>
    </row>
    <row r="6" spans="2:15" s="28" customFormat="1" ht="22.5" customHeight="1">
      <c r="C6" s="76" t="s">
        <v>2</v>
      </c>
      <c r="D6" s="77"/>
      <c r="E6" s="78"/>
      <c r="F6" s="12"/>
      <c r="G6" s="29"/>
      <c r="H6" s="29"/>
      <c r="I6" s="29"/>
      <c r="J6" s="29"/>
      <c r="K6" s="29"/>
      <c r="L6" s="85"/>
      <c r="M6" s="86"/>
      <c r="N6" s="86"/>
      <c r="O6" s="87"/>
    </row>
    <row r="7" spans="2:15" s="28" customFormat="1" ht="22.5" customHeight="1">
      <c r="C7" s="76" t="s">
        <v>3</v>
      </c>
      <c r="D7" s="77"/>
      <c r="E7" s="78"/>
      <c r="F7" s="12"/>
      <c r="G7" s="29"/>
      <c r="H7" s="29"/>
      <c r="I7" s="29"/>
      <c r="J7" s="29"/>
      <c r="K7" s="29"/>
      <c r="L7" s="85"/>
      <c r="M7" s="86"/>
      <c r="N7" s="86"/>
      <c r="O7" s="87"/>
    </row>
    <row r="8" spans="2:15" ht="7.5" customHeight="1" thickBot="1">
      <c r="F8" s="15"/>
      <c r="G8" s="15"/>
      <c r="H8" s="15"/>
    </row>
    <row r="9" spans="2:15" s="30" customFormat="1" ht="60" customHeight="1">
      <c r="B9" s="31" t="s">
        <v>4</v>
      </c>
      <c r="C9" s="10" t="s">
        <v>5</v>
      </c>
      <c r="D9" s="32"/>
      <c r="E9" s="79" t="s">
        <v>223</v>
      </c>
      <c r="F9" s="80"/>
      <c r="G9" s="80"/>
      <c r="H9" s="80"/>
      <c r="I9" s="80"/>
      <c r="J9" s="80"/>
      <c r="K9" s="80"/>
      <c r="L9" s="80"/>
      <c r="M9" s="81"/>
      <c r="N9" s="33" t="s">
        <v>222</v>
      </c>
      <c r="O9" s="11" t="s">
        <v>7</v>
      </c>
    </row>
    <row r="10" spans="2:15" s="36" customFormat="1" ht="15.75" customHeight="1">
      <c r="B10" s="53"/>
      <c r="C10" s="34">
        <v>97965</v>
      </c>
      <c r="D10" s="54"/>
      <c r="E10" s="55" t="s">
        <v>0</v>
      </c>
      <c r="F10" s="56"/>
      <c r="G10" s="56"/>
      <c r="H10" s="56"/>
      <c r="I10" s="57"/>
      <c r="J10" s="57"/>
      <c r="K10" s="43"/>
      <c r="L10" s="43"/>
      <c r="M10" s="58"/>
      <c r="N10" s="17"/>
      <c r="O10" s="18"/>
    </row>
    <row r="11" spans="2:15" s="36" customFormat="1" ht="15" customHeight="1">
      <c r="B11" s="53"/>
      <c r="C11" s="34">
        <v>88991</v>
      </c>
      <c r="D11" s="54"/>
      <c r="E11" s="57"/>
      <c r="F11" s="57" t="s">
        <v>10</v>
      </c>
      <c r="G11" s="56"/>
      <c r="H11" s="56"/>
      <c r="I11" s="57"/>
      <c r="J11" s="57"/>
      <c r="K11" s="43"/>
      <c r="L11" s="43"/>
      <c r="M11" s="58"/>
      <c r="N11" s="17"/>
      <c r="O11" s="18"/>
    </row>
    <row r="12" spans="2:15">
      <c r="B12" s="61"/>
      <c r="C12" s="34">
        <v>156532</v>
      </c>
      <c r="D12" s="54"/>
      <c r="E12" s="57"/>
      <c r="F12" s="57" t="s">
        <v>194</v>
      </c>
      <c r="G12" s="56"/>
      <c r="H12" s="57"/>
      <c r="I12" s="57"/>
      <c r="J12" s="57"/>
      <c r="K12" s="62"/>
      <c r="L12" s="62"/>
      <c r="M12" s="63"/>
      <c r="N12" s="49"/>
      <c r="O12" s="50"/>
    </row>
    <row r="13" spans="2:15" s="36" customFormat="1" ht="15.75" customHeight="1">
      <c r="B13" s="37"/>
      <c r="C13" s="38"/>
      <c r="D13" s="39"/>
      <c r="E13" s="92" t="s">
        <v>224</v>
      </c>
      <c r="F13" s="93"/>
      <c r="G13" s="93"/>
      <c r="H13" s="93"/>
      <c r="I13" s="93"/>
      <c r="J13" s="93"/>
      <c r="K13" s="93"/>
      <c r="L13" s="93"/>
      <c r="M13" s="94"/>
      <c r="N13" s="70"/>
      <c r="O13" s="71"/>
    </row>
    <row r="14" spans="2:15" s="36" customFormat="1" ht="15.75" customHeight="1">
      <c r="B14" s="37"/>
      <c r="C14" s="47"/>
      <c r="D14" s="48"/>
      <c r="E14" s="95" t="s">
        <v>225</v>
      </c>
      <c r="F14" s="96"/>
      <c r="G14" s="96"/>
      <c r="H14" s="96"/>
      <c r="I14" s="96"/>
      <c r="J14" s="96"/>
      <c r="K14" s="96"/>
      <c r="L14" s="96"/>
      <c r="M14" s="97"/>
      <c r="N14" s="72"/>
      <c r="O14" s="73"/>
    </row>
    <row r="15" spans="2:15" s="36" customFormat="1" ht="15.75" customHeight="1">
      <c r="B15" s="37"/>
      <c r="C15" s="40"/>
      <c r="D15" s="41"/>
      <c r="E15" s="98" t="s">
        <v>221</v>
      </c>
      <c r="F15" s="99"/>
      <c r="G15" s="99"/>
      <c r="H15" s="99"/>
      <c r="I15" s="99"/>
      <c r="J15" s="99"/>
      <c r="K15" s="99"/>
      <c r="L15" s="99"/>
      <c r="M15" s="100"/>
      <c r="N15" s="74"/>
      <c r="O15" s="75"/>
    </row>
    <row r="16" spans="2:15" s="36" customFormat="1" ht="15.75" customHeight="1">
      <c r="B16" s="37"/>
      <c r="C16" s="34"/>
      <c r="D16" s="88"/>
      <c r="E16" s="86"/>
      <c r="F16" s="86"/>
      <c r="G16" s="86"/>
      <c r="H16" s="86"/>
      <c r="I16" s="86"/>
      <c r="J16" s="86"/>
      <c r="K16" s="86"/>
      <c r="L16" s="86"/>
      <c r="M16" s="87"/>
      <c r="N16" s="17"/>
      <c r="O16" s="18"/>
    </row>
    <row r="17" spans="2:15" s="36" customFormat="1" ht="15" customHeight="1">
      <c r="B17" s="37"/>
      <c r="C17" s="34"/>
      <c r="D17" s="88"/>
      <c r="E17" s="86"/>
      <c r="F17" s="86"/>
      <c r="G17" s="86"/>
      <c r="H17" s="86"/>
      <c r="I17" s="86"/>
      <c r="J17" s="86"/>
      <c r="K17" s="86"/>
      <c r="L17" s="86"/>
      <c r="M17" s="87"/>
      <c r="N17" s="17"/>
      <c r="O17" s="18"/>
    </row>
    <row r="18" spans="2:15" s="36" customFormat="1" ht="15" customHeight="1">
      <c r="B18" s="37"/>
      <c r="C18" s="34"/>
      <c r="D18" s="88"/>
      <c r="E18" s="86"/>
      <c r="F18" s="86"/>
      <c r="G18" s="86"/>
      <c r="H18" s="86"/>
      <c r="I18" s="86"/>
      <c r="J18" s="86"/>
      <c r="K18" s="86"/>
      <c r="L18" s="86"/>
      <c r="M18" s="87"/>
      <c r="N18" s="17"/>
      <c r="O18" s="18"/>
    </row>
    <row r="19" spans="2:15" s="36" customFormat="1" ht="15" customHeight="1">
      <c r="B19" s="37"/>
      <c r="C19" s="34"/>
      <c r="D19" s="88"/>
      <c r="E19" s="86"/>
      <c r="F19" s="86"/>
      <c r="G19" s="86"/>
      <c r="H19" s="86"/>
      <c r="I19" s="86"/>
      <c r="J19" s="86"/>
      <c r="K19" s="86"/>
      <c r="L19" s="86"/>
      <c r="M19" s="87"/>
      <c r="N19" s="17"/>
      <c r="O19" s="18"/>
    </row>
    <row r="20" spans="2:15" s="36" customFormat="1" ht="15" customHeight="1">
      <c r="B20" s="37"/>
      <c r="C20" s="34"/>
      <c r="D20" s="88"/>
      <c r="E20" s="86"/>
      <c r="F20" s="86"/>
      <c r="G20" s="86"/>
      <c r="H20" s="86"/>
      <c r="I20" s="86"/>
      <c r="J20" s="86"/>
      <c r="K20" s="86"/>
      <c r="L20" s="86"/>
      <c r="M20" s="87"/>
      <c r="N20" s="17"/>
      <c r="O20" s="18"/>
    </row>
    <row r="21" spans="2:15" s="36" customFormat="1" ht="15" customHeight="1">
      <c r="B21" s="37"/>
      <c r="C21" s="34"/>
      <c r="D21" s="88"/>
      <c r="E21" s="86"/>
      <c r="F21" s="86"/>
      <c r="G21" s="86"/>
      <c r="H21" s="86"/>
      <c r="I21" s="86"/>
      <c r="J21" s="86"/>
      <c r="K21" s="86"/>
      <c r="L21" s="86"/>
      <c r="M21" s="87"/>
      <c r="N21" s="17"/>
      <c r="O21" s="18"/>
    </row>
    <row r="22" spans="2:15" s="36" customFormat="1" ht="15" customHeight="1">
      <c r="B22" s="37"/>
      <c r="C22" s="34"/>
      <c r="D22" s="88"/>
      <c r="E22" s="86"/>
      <c r="F22" s="86"/>
      <c r="G22" s="86"/>
      <c r="H22" s="86"/>
      <c r="I22" s="86"/>
      <c r="J22" s="86"/>
      <c r="K22" s="86"/>
      <c r="L22" s="86"/>
      <c r="M22" s="87"/>
      <c r="N22" s="17"/>
      <c r="O22" s="18"/>
    </row>
    <row r="23" spans="2:15" s="36" customFormat="1" ht="15" customHeight="1">
      <c r="B23" s="37"/>
      <c r="C23" s="34"/>
      <c r="D23" s="88"/>
      <c r="E23" s="86"/>
      <c r="F23" s="86"/>
      <c r="G23" s="86"/>
      <c r="H23" s="86"/>
      <c r="I23" s="86"/>
      <c r="J23" s="86"/>
      <c r="K23" s="86"/>
      <c r="L23" s="86"/>
      <c r="M23" s="87"/>
      <c r="N23" s="17"/>
      <c r="O23" s="18"/>
    </row>
    <row r="24" spans="2:15" s="36" customFormat="1" ht="15" customHeight="1">
      <c r="B24" s="42"/>
      <c r="C24" s="34"/>
      <c r="D24" s="88"/>
      <c r="E24" s="86"/>
      <c r="F24" s="86"/>
      <c r="G24" s="86"/>
      <c r="H24" s="86"/>
      <c r="I24" s="86"/>
      <c r="J24" s="86"/>
      <c r="K24" s="86"/>
      <c r="L24" s="86"/>
      <c r="M24" s="87"/>
      <c r="N24" s="17"/>
      <c r="O24" s="18"/>
    </row>
    <row r="25" spans="2:15" s="36" customFormat="1" ht="15" customHeight="1">
      <c r="B25" s="37"/>
      <c r="C25" s="34"/>
      <c r="D25" s="88"/>
      <c r="E25" s="86"/>
      <c r="F25" s="86"/>
      <c r="G25" s="86"/>
      <c r="H25" s="86"/>
      <c r="I25" s="86"/>
      <c r="J25" s="86"/>
      <c r="K25" s="86"/>
      <c r="L25" s="86"/>
      <c r="M25" s="87"/>
      <c r="N25" s="17"/>
      <c r="O25" s="18"/>
    </row>
    <row r="26" spans="2:15" s="36" customFormat="1" ht="15" customHeight="1">
      <c r="B26" s="37"/>
      <c r="C26" s="34"/>
      <c r="D26" s="88"/>
      <c r="E26" s="86"/>
      <c r="F26" s="86"/>
      <c r="G26" s="86"/>
      <c r="H26" s="86"/>
      <c r="I26" s="86"/>
      <c r="J26" s="86"/>
      <c r="K26" s="86"/>
      <c r="L26" s="86"/>
      <c r="M26" s="87"/>
      <c r="N26" s="17"/>
      <c r="O26" s="18"/>
    </row>
    <row r="27" spans="2:15" s="36" customFormat="1" ht="15.75" customHeight="1" thickBot="1">
      <c r="B27" s="44"/>
      <c r="C27" s="35"/>
      <c r="D27" s="89"/>
      <c r="E27" s="90"/>
      <c r="F27" s="90"/>
      <c r="G27" s="90"/>
      <c r="H27" s="90"/>
      <c r="I27" s="90"/>
      <c r="J27" s="90"/>
      <c r="K27" s="90"/>
      <c r="L27" s="90"/>
      <c r="M27" s="91"/>
      <c r="N27" s="45"/>
      <c r="O27" s="46"/>
    </row>
    <row r="28" spans="2:15">
      <c r="B28" s="14"/>
      <c r="D28" s="36"/>
      <c r="E28" s="36"/>
      <c r="F28" s="36"/>
      <c r="G28" s="36"/>
      <c r="H28" s="36"/>
      <c r="I28" s="36"/>
      <c r="J28" s="36"/>
      <c r="K28" s="36"/>
      <c r="L28" s="36"/>
      <c r="M28" s="36"/>
    </row>
    <row r="29" spans="2:15">
      <c r="B29" s="14"/>
      <c r="C29" s="69" t="s">
        <v>220</v>
      </c>
      <c r="D29" s="36"/>
      <c r="E29" s="36"/>
      <c r="F29" s="36"/>
      <c r="G29" s="36"/>
      <c r="H29" s="36"/>
      <c r="I29" s="36"/>
      <c r="J29" s="36"/>
      <c r="K29" s="36"/>
      <c r="L29" s="36"/>
      <c r="M29" s="36"/>
    </row>
    <row r="30" spans="2:15">
      <c r="B30" s="14"/>
      <c r="D30" s="36"/>
      <c r="E30" s="36"/>
      <c r="F30" s="36"/>
      <c r="G30" s="36"/>
      <c r="H30" s="36"/>
      <c r="I30" s="36"/>
      <c r="J30" s="36"/>
      <c r="K30" s="36"/>
      <c r="L30" s="36"/>
      <c r="M30" s="36"/>
    </row>
  </sheetData>
  <sheetProtection password="98D8" sheet="1" objects="1" scenarios="1" selectLockedCells="1"/>
  <mergeCells count="21">
    <mergeCell ref="D18:M18"/>
    <mergeCell ref="C6:E6"/>
    <mergeCell ref="C7:E7"/>
    <mergeCell ref="E9:M9"/>
    <mergeCell ref="E13:M13"/>
    <mergeCell ref="E14:M14"/>
    <mergeCell ref="E15:M15"/>
    <mergeCell ref="L3:O3"/>
    <mergeCell ref="L6:O6"/>
    <mergeCell ref="L7:O7"/>
    <mergeCell ref="D16:M16"/>
    <mergeCell ref="D17:M17"/>
    <mergeCell ref="D25:M25"/>
    <mergeCell ref="D26:M26"/>
    <mergeCell ref="D27:M27"/>
    <mergeCell ref="D19:M19"/>
    <mergeCell ref="D20:M20"/>
    <mergeCell ref="D21:M21"/>
    <mergeCell ref="D22:M22"/>
    <mergeCell ref="D23:M23"/>
    <mergeCell ref="D24:M24"/>
  </mergeCells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Einzel-Erkrankungen</vt:lpstr>
      <vt:lpstr>Klassifikat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ill Voigtländer</dc:creator>
  <cp:lastModifiedBy>till.voigtlaender</cp:lastModifiedBy>
  <dcterms:created xsi:type="dcterms:W3CDTF">2013-05-25T20:03:22Z</dcterms:created>
  <dcterms:modified xsi:type="dcterms:W3CDTF">2013-07-24T12:37:44Z</dcterms:modified>
</cp:coreProperties>
</file>